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notesSlides/notesSlide1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  <p:sldMasterId id="2147483661" r:id="rId2"/>
  </p:sldMasterIdLst>
  <p:notesMasterIdLst>
    <p:notesMasterId r:id="rId11"/>
  </p:notesMasterIdLst>
  <p:sldIdLst>
    <p:sldId id="256" r:id="rId3"/>
    <p:sldId id="258" r:id="rId4"/>
    <p:sldId id="259" r:id="rId5"/>
    <p:sldId id="260" r:id="rId6"/>
    <p:sldId id="261" r:id="rId7"/>
    <p:sldId id="262" r:id="rId8"/>
    <p:sldId id="263" r:id="rId9"/>
    <p:sldId id="352" r:id="rId10"/>
  </p:sldIdLst>
  <p:sldSz cx="12192000" cy="6858000"/>
  <p:notesSz cx="6858000" cy="9144000"/>
  <p:defaultTextStyle>
    <a:defPPr>
      <a:defRPr lang="it-IT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203876"/>
    <a:srgbClr val="03234A"/>
    <a:srgbClr val="EFEFEF"/>
    <a:srgbClr val="DA743B"/>
    <a:srgbClr val="344A81"/>
    <a:srgbClr val="455B7E"/>
    <a:srgbClr val="1C376A"/>
    <a:srgbClr val="F1F1F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425E378-C4B9-4FD1-8921-2A09EC1287CE}" v="515" dt="2024-03-19T16:29:37.565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ile medio 2 - Colore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980" autoAdjust="0"/>
    <p:restoredTop sz="94660"/>
  </p:normalViewPr>
  <p:slideViewPr>
    <p:cSldViewPr snapToGrid="0">
      <p:cViewPr varScale="1">
        <p:scale>
          <a:sx n="92" d="100"/>
          <a:sy n="92" d="100"/>
        </p:scale>
        <p:origin x="168" y="5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viewProps" Target="viewProps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presProps" Target="presProps.xml"/><Relationship Id="rId17" Type="http://schemas.microsoft.com/office/2015/10/relationships/revisionInfo" Target="revisionInfo.xml"/><Relationship Id="rId2" Type="http://schemas.openxmlformats.org/officeDocument/2006/relationships/slideMaster" Target="slideMasters/slideMaster2.xml"/><Relationship Id="rId16" Type="http://schemas.microsoft.com/office/2016/11/relationships/changesInfo" Target="changesInfos/changesInfo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3.xml"/><Relationship Id="rId15" Type="http://schemas.openxmlformats.org/officeDocument/2006/relationships/tableStyles" Target="tableStyles.xml"/><Relationship Id="rId10" Type="http://schemas.openxmlformats.org/officeDocument/2006/relationships/slide" Target="slides/slide8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theme" Target="theme/theme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Conese  Andrea" userId="a0d85db6-9ead-4a96-b900-2c948ab101d2" providerId="ADAL" clId="{5425E378-C4B9-4FD1-8921-2A09EC1287CE}"/>
    <pc:docChg chg="undo redo custSel addSld delSld modSld sldOrd addMainMaster delMainMaster modMainMaster">
      <pc:chgData name="Conese  Andrea" userId="a0d85db6-9ead-4a96-b900-2c948ab101d2" providerId="ADAL" clId="{5425E378-C4B9-4FD1-8921-2A09EC1287CE}" dt="2024-03-19T16:29:40.358" v="1414" actId="1076"/>
      <pc:docMkLst>
        <pc:docMk/>
      </pc:docMkLst>
      <pc:sldChg chg="addSp modSp mod">
        <pc:chgData name="Conese  Andrea" userId="a0d85db6-9ead-4a96-b900-2c948ab101d2" providerId="ADAL" clId="{5425E378-C4B9-4FD1-8921-2A09EC1287CE}" dt="2024-03-19T11:37:08.352" v="154" actId="1076"/>
        <pc:sldMkLst>
          <pc:docMk/>
          <pc:sldMk cId="2211583335" sldId="256"/>
        </pc:sldMkLst>
        <pc:spChg chg="mod">
          <ac:chgData name="Conese  Andrea" userId="a0d85db6-9ead-4a96-b900-2c948ab101d2" providerId="ADAL" clId="{5425E378-C4B9-4FD1-8921-2A09EC1287CE}" dt="2024-03-19T11:32:23.114" v="146" actId="1076"/>
          <ac:spMkLst>
            <pc:docMk/>
            <pc:sldMk cId="2211583335" sldId="256"/>
            <ac:spMk id="4" creationId="{831F5812-8C55-17F0-36D2-5CDA873C62CD}"/>
          </ac:spMkLst>
        </pc:spChg>
        <pc:spChg chg="mod">
          <ac:chgData name="Conese  Andrea" userId="a0d85db6-9ead-4a96-b900-2c948ab101d2" providerId="ADAL" clId="{5425E378-C4B9-4FD1-8921-2A09EC1287CE}" dt="2024-03-19T11:32:34.367" v="148" actId="20577"/>
          <ac:spMkLst>
            <pc:docMk/>
            <pc:sldMk cId="2211583335" sldId="256"/>
            <ac:spMk id="5" creationId="{5321F850-0BE3-C7F1-8C35-F807B4057251}"/>
          </ac:spMkLst>
        </pc:spChg>
        <pc:picChg chg="add mod">
          <ac:chgData name="Conese  Andrea" userId="a0d85db6-9ead-4a96-b900-2c948ab101d2" providerId="ADAL" clId="{5425E378-C4B9-4FD1-8921-2A09EC1287CE}" dt="2024-03-19T11:37:08.352" v="154" actId="1076"/>
          <ac:picMkLst>
            <pc:docMk/>
            <pc:sldMk cId="2211583335" sldId="256"/>
            <ac:picMk id="3" creationId="{B94CEC4B-F585-DFE3-F4CF-84898165DA7F}"/>
          </ac:picMkLst>
        </pc:picChg>
      </pc:sldChg>
      <pc:sldChg chg="new del">
        <pc:chgData name="Conese  Andrea" userId="a0d85db6-9ead-4a96-b900-2c948ab101d2" providerId="ADAL" clId="{5425E378-C4B9-4FD1-8921-2A09EC1287CE}" dt="2024-03-19T11:26:16.303" v="14" actId="47"/>
        <pc:sldMkLst>
          <pc:docMk/>
          <pc:sldMk cId="2475598541" sldId="257"/>
        </pc:sldMkLst>
      </pc:sldChg>
      <pc:sldChg chg="del">
        <pc:chgData name="Conese  Andrea" userId="a0d85db6-9ead-4a96-b900-2c948ab101d2" providerId="ADAL" clId="{5425E378-C4B9-4FD1-8921-2A09EC1287CE}" dt="2024-03-19T11:25:57.837" v="2" actId="47"/>
        <pc:sldMkLst>
          <pc:docMk/>
          <pc:sldMk cId="3080673012" sldId="257"/>
        </pc:sldMkLst>
      </pc:sldChg>
      <pc:sldChg chg="del">
        <pc:chgData name="Conese  Andrea" userId="a0d85db6-9ead-4a96-b900-2c948ab101d2" providerId="ADAL" clId="{5425E378-C4B9-4FD1-8921-2A09EC1287CE}" dt="2024-03-19T11:26:00.045" v="4" actId="47"/>
        <pc:sldMkLst>
          <pc:docMk/>
          <pc:sldMk cId="1271397510" sldId="258"/>
        </pc:sldMkLst>
      </pc:sldChg>
      <pc:sldChg chg="addSp delSp modSp new mod">
        <pc:chgData name="Conese  Andrea" userId="a0d85db6-9ead-4a96-b900-2c948ab101d2" providerId="ADAL" clId="{5425E378-C4B9-4FD1-8921-2A09EC1287CE}" dt="2024-03-19T16:25:03.399" v="1391" actId="20577"/>
        <pc:sldMkLst>
          <pc:docMk/>
          <pc:sldMk cId="1566828108" sldId="258"/>
        </pc:sldMkLst>
        <pc:spChg chg="add mod">
          <ac:chgData name="Conese  Andrea" userId="a0d85db6-9ead-4a96-b900-2c948ab101d2" providerId="ADAL" clId="{5425E378-C4B9-4FD1-8921-2A09EC1287CE}" dt="2024-03-19T16:25:03.399" v="1391" actId="20577"/>
          <ac:spMkLst>
            <pc:docMk/>
            <pc:sldMk cId="1566828108" sldId="258"/>
            <ac:spMk id="2" creationId="{7A541271-A2EB-9566-B388-2072EF1EAE2E}"/>
          </ac:spMkLst>
        </pc:spChg>
        <pc:spChg chg="del">
          <ac:chgData name="Conese  Andrea" userId="a0d85db6-9ead-4a96-b900-2c948ab101d2" providerId="ADAL" clId="{5425E378-C4B9-4FD1-8921-2A09EC1287CE}" dt="2024-03-19T11:32:50.435" v="149" actId="478"/>
          <ac:spMkLst>
            <pc:docMk/>
            <pc:sldMk cId="1566828108" sldId="258"/>
            <ac:spMk id="2" creationId="{B5FB5DF6-74C2-F75E-C858-6D21E0EF78C7}"/>
          </ac:spMkLst>
        </pc:spChg>
        <pc:spChg chg="del">
          <ac:chgData name="Conese  Andrea" userId="a0d85db6-9ead-4a96-b900-2c948ab101d2" providerId="ADAL" clId="{5425E378-C4B9-4FD1-8921-2A09EC1287CE}" dt="2024-03-19T11:32:52.073" v="150" actId="478"/>
          <ac:spMkLst>
            <pc:docMk/>
            <pc:sldMk cId="1566828108" sldId="258"/>
            <ac:spMk id="3" creationId="{C6F45124-04AF-062D-8625-48E7EE007FFA}"/>
          </ac:spMkLst>
        </pc:spChg>
        <pc:spChg chg="add mod">
          <ac:chgData name="Conese  Andrea" userId="a0d85db6-9ead-4a96-b900-2c948ab101d2" providerId="ADAL" clId="{5425E378-C4B9-4FD1-8921-2A09EC1287CE}" dt="2024-03-19T16:21:10.098" v="1159"/>
          <ac:spMkLst>
            <pc:docMk/>
            <pc:sldMk cId="1566828108" sldId="258"/>
            <ac:spMk id="3" creationId="{D82DACC2-7C29-F115-D857-4B5B4988178D}"/>
          </ac:spMkLst>
        </pc:spChg>
        <pc:spChg chg="add mod">
          <ac:chgData name="Conese  Andrea" userId="a0d85db6-9ead-4a96-b900-2c948ab101d2" providerId="ADAL" clId="{5425E378-C4B9-4FD1-8921-2A09EC1287CE}" dt="2024-03-19T16:21:19.971" v="1162" actId="1076"/>
          <ac:spMkLst>
            <pc:docMk/>
            <pc:sldMk cId="1566828108" sldId="258"/>
            <ac:spMk id="5" creationId="{B621938C-30AF-AD80-E37F-024372ECB9AF}"/>
          </ac:spMkLst>
        </pc:spChg>
        <pc:spChg chg="add mod">
          <ac:chgData name="Conese  Andrea" userId="a0d85db6-9ead-4a96-b900-2c948ab101d2" providerId="ADAL" clId="{5425E378-C4B9-4FD1-8921-2A09EC1287CE}" dt="2024-03-19T12:33:36.866" v="829" actId="1076"/>
          <ac:spMkLst>
            <pc:docMk/>
            <pc:sldMk cId="1566828108" sldId="258"/>
            <ac:spMk id="6" creationId="{9431C5AB-E0D4-1368-F0B8-42059DA6086C}"/>
          </ac:spMkLst>
        </pc:spChg>
        <pc:spChg chg="add mod">
          <ac:chgData name="Conese  Andrea" userId="a0d85db6-9ead-4a96-b900-2c948ab101d2" providerId="ADAL" clId="{5425E378-C4B9-4FD1-8921-2A09EC1287CE}" dt="2024-03-19T16:21:42.547" v="1163"/>
          <ac:spMkLst>
            <pc:docMk/>
            <pc:sldMk cId="1566828108" sldId="258"/>
            <ac:spMk id="7" creationId="{3FA577E1-F982-3CBD-C1A1-9AB68201EDAE}"/>
          </ac:spMkLst>
        </pc:spChg>
        <pc:picChg chg="add mod">
          <ac:chgData name="Conese  Andrea" userId="a0d85db6-9ead-4a96-b900-2c948ab101d2" providerId="ADAL" clId="{5425E378-C4B9-4FD1-8921-2A09EC1287CE}" dt="2024-03-19T12:33:29.285" v="828" actId="1076"/>
          <ac:picMkLst>
            <pc:docMk/>
            <pc:sldMk cId="1566828108" sldId="258"/>
            <ac:picMk id="8" creationId="{A70D808D-58FA-CB57-52DD-D32BFEAD9BC5}"/>
          </ac:picMkLst>
        </pc:picChg>
      </pc:sldChg>
      <pc:sldChg chg="del">
        <pc:chgData name="Conese  Andrea" userId="a0d85db6-9ead-4a96-b900-2c948ab101d2" providerId="ADAL" clId="{5425E378-C4B9-4FD1-8921-2A09EC1287CE}" dt="2024-03-19T11:25:58.968" v="3" actId="47"/>
        <pc:sldMkLst>
          <pc:docMk/>
          <pc:sldMk cId="1788634705" sldId="259"/>
        </pc:sldMkLst>
      </pc:sldChg>
      <pc:sldChg chg="addSp modSp new mod">
        <pc:chgData name="Conese  Andrea" userId="a0d85db6-9ead-4a96-b900-2c948ab101d2" providerId="ADAL" clId="{5425E378-C4B9-4FD1-8921-2A09EC1287CE}" dt="2024-03-19T12:30:54.084" v="817" actId="207"/>
        <pc:sldMkLst>
          <pc:docMk/>
          <pc:sldMk cId="2058255972" sldId="259"/>
        </pc:sldMkLst>
        <pc:spChg chg="add mod">
          <ac:chgData name="Conese  Andrea" userId="a0d85db6-9ead-4a96-b900-2c948ab101d2" providerId="ADAL" clId="{5425E378-C4B9-4FD1-8921-2A09EC1287CE}" dt="2024-03-19T11:59:13.022" v="345" actId="1076"/>
          <ac:spMkLst>
            <pc:docMk/>
            <pc:sldMk cId="2058255972" sldId="259"/>
            <ac:spMk id="4" creationId="{98DFA52F-71FF-E3F1-B109-5A0F3FA643C5}"/>
          </ac:spMkLst>
        </pc:spChg>
        <pc:spChg chg="add mod">
          <ac:chgData name="Conese  Andrea" userId="a0d85db6-9ead-4a96-b900-2c948ab101d2" providerId="ADAL" clId="{5425E378-C4B9-4FD1-8921-2A09EC1287CE}" dt="2024-03-19T12:01:06.059" v="425" actId="5793"/>
          <ac:spMkLst>
            <pc:docMk/>
            <pc:sldMk cId="2058255972" sldId="259"/>
            <ac:spMk id="5" creationId="{C9B73760-0659-9BD8-2202-34215ECD5340}"/>
          </ac:spMkLst>
        </pc:spChg>
        <pc:spChg chg="add mod">
          <ac:chgData name="Conese  Andrea" userId="a0d85db6-9ead-4a96-b900-2c948ab101d2" providerId="ADAL" clId="{5425E378-C4B9-4FD1-8921-2A09EC1287CE}" dt="2024-03-19T12:01:24.481" v="483" actId="5793"/>
          <ac:spMkLst>
            <pc:docMk/>
            <pc:sldMk cId="2058255972" sldId="259"/>
            <ac:spMk id="6" creationId="{9B6C709A-E4FA-2095-048A-6078EC3D9AB0}"/>
          </ac:spMkLst>
        </pc:spChg>
        <pc:spChg chg="add mod">
          <ac:chgData name="Conese  Andrea" userId="a0d85db6-9ead-4a96-b900-2c948ab101d2" providerId="ADAL" clId="{5425E378-C4B9-4FD1-8921-2A09EC1287CE}" dt="2024-03-19T12:01:12.719" v="454" actId="5793"/>
          <ac:spMkLst>
            <pc:docMk/>
            <pc:sldMk cId="2058255972" sldId="259"/>
            <ac:spMk id="7" creationId="{575F7693-FEA3-6632-BFA4-83BC5CAD8289}"/>
          </ac:spMkLst>
        </pc:spChg>
        <pc:spChg chg="add mod">
          <ac:chgData name="Conese  Andrea" userId="a0d85db6-9ead-4a96-b900-2c948ab101d2" providerId="ADAL" clId="{5425E378-C4B9-4FD1-8921-2A09EC1287CE}" dt="2024-03-19T12:28:04.726" v="793" actId="207"/>
          <ac:spMkLst>
            <pc:docMk/>
            <pc:sldMk cId="2058255972" sldId="259"/>
            <ac:spMk id="9" creationId="{4D9CD655-72F6-A615-D4A7-71956A5BB91B}"/>
          </ac:spMkLst>
        </pc:spChg>
        <pc:graphicFrameChg chg="add mod modGraphic">
          <ac:chgData name="Conese  Andrea" userId="a0d85db6-9ead-4a96-b900-2c948ab101d2" providerId="ADAL" clId="{5425E378-C4B9-4FD1-8921-2A09EC1287CE}" dt="2024-03-19T12:30:42.257" v="813"/>
          <ac:graphicFrameMkLst>
            <pc:docMk/>
            <pc:sldMk cId="2058255972" sldId="259"/>
            <ac:graphicFrameMk id="3" creationId="{319E327A-F046-ED89-C34F-4F4B0CAA5183}"/>
          </ac:graphicFrameMkLst>
        </pc:graphicFrameChg>
        <pc:picChg chg="add mod">
          <ac:chgData name="Conese  Andrea" userId="a0d85db6-9ead-4a96-b900-2c948ab101d2" providerId="ADAL" clId="{5425E378-C4B9-4FD1-8921-2A09EC1287CE}" dt="2024-03-19T12:30:54.084" v="817" actId="207"/>
          <ac:picMkLst>
            <pc:docMk/>
            <pc:sldMk cId="2058255972" sldId="259"/>
            <ac:picMk id="11" creationId="{00D9C17D-C0CE-FC77-60BF-C813740F65A3}"/>
          </ac:picMkLst>
        </pc:picChg>
      </pc:sldChg>
      <pc:sldChg chg="addSp delSp modSp new mod">
        <pc:chgData name="Conese  Andrea" userId="a0d85db6-9ead-4a96-b900-2c948ab101d2" providerId="ADAL" clId="{5425E378-C4B9-4FD1-8921-2A09EC1287CE}" dt="2024-03-19T16:20:17.148" v="1157" actId="20577"/>
        <pc:sldMkLst>
          <pc:docMk/>
          <pc:sldMk cId="694533961" sldId="260"/>
        </pc:sldMkLst>
        <pc:spChg chg="add del mod">
          <ac:chgData name="Conese  Andrea" userId="a0d85db6-9ead-4a96-b900-2c948ab101d2" providerId="ADAL" clId="{5425E378-C4B9-4FD1-8921-2A09EC1287CE}" dt="2024-03-19T15:26:41.174" v="854"/>
          <ac:spMkLst>
            <pc:docMk/>
            <pc:sldMk cId="694533961" sldId="260"/>
            <ac:spMk id="3" creationId="{6D4D4B0C-DA50-65DA-6F0B-DA5666BC0B80}"/>
          </ac:spMkLst>
        </pc:spChg>
        <pc:spChg chg="add mod">
          <ac:chgData name="Conese  Andrea" userId="a0d85db6-9ead-4a96-b900-2c948ab101d2" providerId="ADAL" clId="{5425E378-C4B9-4FD1-8921-2A09EC1287CE}" dt="2024-03-19T12:04:26.770" v="519" actId="113"/>
          <ac:spMkLst>
            <pc:docMk/>
            <pc:sldMk cId="694533961" sldId="260"/>
            <ac:spMk id="4" creationId="{B1D824C3-4CC8-42DD-341F-F226DCF918F6}"/>
          </ac:spMkLst>
        </pc:spChg>
        <pc:spChg chg="add mod">
          <ac:chgData name="Conese  Andrea" userId="a0d85db6-9ead-4a96-b900-2c948ab101d2" providerId="ADAL" clId="{5425E378-C4B9-4FD1-8921-2A09EC1287CE}" dt="2024-03-19T15:54:33.974" v="1066" actId="1076"/>
          <ac:spMkLst>
            <pc:docMk/>
            <pc:sldMk cId="694533961" sldId="260"/>
            <ac:spMk id="5" creationId="{C69492AC-F416-8E14-FB65-589282655DB9}"/>
          </ac:spMkLst>
        </pc:spChg>
        <pc:spChg chg="add mod">
          <ac:chgData name="Conese  Andrea" userId="a0d85db6-9ead-4a96-b900-2c948ab101d2" providerId="ADAL" clId="{5425E378-C4B9-4FD1-8921-2A09EC1287CE}" dt="2024-03-19T16:19:36.978" v="1143" actId="1076"/>
          <ac:spMkLst>
            <pc:docMk/>
            <pc:sldMk cId="694533961" sldId="260"/>
            <ac:spMk id="7" creationId="{8945DE17-BCB5-CA02-3FEB-730A520EB539}"/>
          </ac:spMkLst>
        </pc:spChg>
        <pc:spChg chg="add mod">
          <ac:chgData name="Conese  Andrea" userId="a0d85db6-9ead-4a96-b900-2c948ab101d2" providerId="ADAL" clId="{5425E378-C4B9-4FD1-8921-2A09EC1287CE}" dt="2024-03-19T16:19:42.829" v="1144" actId="1076"/>
          <ac:spMkLst>
            <pc:docMk/>
            <pc:sldMk cId="694533961" sldId="260"/>
            <ac:spMk id="8" creationId="{A9749F2C-C697-8B48-B569-201585AAD997}"/>
          </ac:spMkLst>
        </pc:spChg>
        <pc:spChg chg="add mod">
          <ac:chgData name="Conese  Andrea" userId="a0d85db6-9ead-4a96-b900-2c948ab101d2" providerId="ADAL" clId="{5425E378-C4B9-4FD1-8921-2A09EC1287CE}" dt="2024-03-19T15:54:05.329" v="1060" actId="1076"/>
          <ac:spMkLst>
            <pc:docMk/>
            <pc:sldMk cId="694533961" sldId="260"/>
            <ac:spMk id="9" creationId="{047E517D-B15D-E22A-283B-964A873ACF19}"/>
          </ac:spMkLst>
        </pc:spChg>
        <pc:spChg chg="add mod">
          <ac:chgData name="Conese  Andrea" userId="a0d85db6-9ead-4a96-b900-2c948ab101d2" providerId="ADAL" clId="{5425E378-C4B9-4FD1-8921-2A09EC1287CE}" dt="2024-03-19T16:19:45.896" v="1145" actId="1076"/>
          <ac:spMkLst>
            <pc:docMk/>
            <pc:sldMk cId="694533961" sldId="260"/>
            <ac:spMk id="11" creationId="{6DD9D17E-F487-B08F-B3EB-FABBF2631ECF}"/>
          </ac:spMkLst>
        </pc:spChg>
        <pc:spChg chg="add mod">
          <ac:chgData name="Conese  Andrea" userId="a0d85db6-9ead-4a96-b900-2c948ab101d2" providerId="ADAL" clId="{5425E378-C4B9-4FD1-8921-2A09EC1287CE}" dt="2024-03-19T16:19:53.573" v="1147" actId="1076"/>
          <ac:spMkLst>
            <pc:docMk/>
            <pc:sldMk cId="694533961" sldId="260"/>
            <ac:spMk id="12" creationId="{9F6CCB9A-9130-564B-BD4A-6549D60D3668}"/>
          </ac:spMkLst>
        </pc:spChg>
        <pc:spChg chg="add mod">
          <ac:chgData name="Conese  Andrea" userId="a0d85db6-9ead-4a96-b900-2c948ab101d2" providerId="ADAL" clId="{5425E378-C4B9-4FD1-8921-2A09EC1287CE}" dt="2024-03-19T16:19:48.925" v="1146" actId="1076"/>
          <ac:spMkLst>
            <pc:docMk/>
            <pc:sldMk cId="694533961" sldId="260"/>
            <ac:spMk id="13" creationId="{30A689D4-028B-F1C6-B92A-98353B8D67B9}"/>
          </ac:spMkLst>
        </pc:spChg>
        <pc:graphicFrameChg chg="add del mod modGraphic">
          <ac:chgData name="Conese  Andrea" userId="a0d85db6-9ead-4a96-b900-2c948ab101d2" providerId="ADAL" clId="{5425E378-C4B9-4FD1-8921-2A09EC1287CE}" dt="2024-03-19T11:50:17.579" v="256" actId="1032"/>
          <ac:graphicFrameMkLst>
            <pc:docMk/>
            <pc:sldMk cId="694533961" sldId="260"/>
            <ac:graphicFrameMk id="5" creationId="{9626C98F-C5E0-4CA6-974B-7FC5D404C81C}"/>
          </ac:graphicFrameMkLst>
        </pc:graphicFrameChg>
        <pc:graphicFrameChg chg="add mod modGraphic">
          <ac:chgData name="Conese  Andrea" userId="a0d85db6-9ead-4a96-b900-2c948ab101d2" providerId="ADAL" clId="{5425E378-C4B9-4FD1-8921-2A09EC1287CE}" dt="2024-03-19T16:20:17.148" v="1157" actId="20577"/>
          <ac:graphicFrameMkLst>
            <pc:docMk/>
            <pc:sldMk cId="694533961" sldId="260"/>
            <ac:graphicFrameMk id="6" creationId="{11FC7FEA-333B-D5AF-8CFA-BB86DEEC1A19}"/>
          </ac:graphicFrameMkLst>
        </pc:graphicFrameChg>
        <pc:picChg chg="add mod">
          <ac:chgData name="Conese  Andrea" userId="a0d85db6-9ead-4a96-b900-2c948ab101d2" providerId="ADAL" clId="{5425E378-C4B9-4FD1-8921-2A09EC1287CE}" dt="2024-03-19T12:38:04.775" v="846" actId="931"/>
          <ac:picMkLst>
            <pc:docMk/>
            <pc:sldMk cId="694533961" sldId="260"/>
            <ac:picMk id="8" creationId="{342353B5-75EF-6A5E-9406-90DB4D38B8D7}"/>
          </ac:picMkLst>
        </pc:picChg>
        <pc:picChg chg="add mod">
          <ac:chgData name="Conese  Andrea" userId="a0d85db6-9ead-4a96-b900-2c948ab101d2" providerId="ADAL" clId="{5425E378-C4B9-4FD1-8921-2A09EC1287CE}" dt="2024-03-19T12:38:43.917" v="851" actId="1076"/>
          <ac:picMkLst>
            <pc:docMk/>
            <pc:sldMk cId="694533961" sldId="260"/>
            <ac:picMk id="10" creationId="{4FB76923-BC41-2EC4-B87A-9440C50E3424}"/>
          </ac:picMkLst>
        </pc:picChg>
      </pc:sldChg>
      <pc:sldChg chg="del">
        <pc:chgData name="Conese  Andrea" userId="a0d85db6-9ead-4a96-b900-2c948ab101d2" providerId="ADAL" clId="{5425E378-C4B9-4FD1-8921-2A09EC1287CE}" dt="2024-03-19T11:25:55.470" v="0" actId="47"/>
        <pc:sldMkLst>
          <pc:docMk/>
          <pc:sldMk cId="1590095613" sldId="261"/>
        </pc:sldMkLst>
      </pc:sldChg>
      <pc:sldChg chg="addSp delSp modSp new mod">
        <pc:chgData name="Conese  Andrea" userId="a0d85db6-9ead-4a96-b900-2c948ab101d2" providerId="ADAL" clId="{5425E378-C4B9-4FD1-8921-2A09EC1287CE}" dt="2024-03-19T16:28:46.442" v="1405" actId="931"/>
        <pc:sldMkLst>
          <pc:docMk/>
          <pc:sldMk cId="3561494542" sldId="261"/>
        </pc:sldMkLst>
        <pc:spChg chg="add mod">
          <ac:chgData name="Conese  Andrea" userId="a0d85db6-9ead-4a96-b900-2c948ab101d2" providerId="ADAL" clId="{5425E378-C4B9-4FD1-8921-2A09EC1287CE}" dt="2024-03-19T12:04:33.658" v="520" actId="113"/>
          <ac:spMkLst>
            <pc:docMk/>
            <pc:sldMk cId="3561494542" sldId="261"/>
            <ac:spMk id="3" creationId="{35F2DB37-1710-9B3E-8DFC-6F06AF969ADE}"/>
          </ac:spMkLst>
        </pc:spChg>
        <pc:graphicFrameChg chg="add mod modGraphic">
          <ac:chgData name="Conese  Andrea" userId="a0d85db6-9ead-4a96-b900-2c948ab101d2" providerId="ADAL" clId="{5425E378-C4B9-4FD1-8921-2A09EC1287CE}" dt="2024-03-19T16:28:46.442" v="1405" actId="931"/>
          <ac:graphicFrameMkLst>
            <pc:docMk/>
            <pc:sldMk cId="3561494542" sldId="261"/>
            <ac:graphicFrameMk id="6" creationId="{9819D705-5F15-8AD1-B971-BC74B24A88C7}"/>
          </ac:graphicFrameMkLst>
        </pc:graphicFrameChg>
        <pc:picChg chg="add del mod">
          <ac:chgData name="Conese  Andrea" userId="a0d85db6-9ead-4a96-b900-2c948ab101d2" providerId="ADAL" clId="{5425E378-C4B9-4FD1-8921-2A09EC1287CE}" dt="2024-03-19T12:25:59.874" v="784" actId="478"/>
          <ac:picMkLst>
            <pc:docMk/>
            <pc:sldMk cId="3561494542" sldId="261"/>
            <ac:picMk id="5" creationId="{247C3077-B44F-AB37-00EC-C5C24E65D3EF}"/>
          </ac:picMkLst>
        </pc:picChg>
        <pc:picChg chg="add mod">
          <ac:chgData name="Conese  Andrea" userId="a0d85db6-9ead-4a96-b900-2c948ab101d2" providerId="ADAL" clId="{5425E378-C4B9-4FD1-8921-2A09EC1287CE}" dt="2024-03-19T12:31:22.997" v="822" actId="207"/>
          <ac:picMkLst>
            <pc:docMk/>
            <pc:sldMk cId="3561494542" sldId="261"/>
            <ac:picMk id="8" creationId="{36FA00B2-3047-29A3-C7F9-3F76E0C0D914}"/>
          </ac:picMkLst>
        </pc:picChg>
      </pc:sldChg>
      <pc:sldChg chg="del">
        <pc:chgData name="Conese  Andrea" userId="a0d85db6-9ead-4a96-b900-2c948ab101d2" providerId="ADAL" clId="{5425E378-C4B9-4FD1-8921-2A09EC1287CE}" dt="2024-03-19T11:26:03.863" v="7" actId="47"/>
        <pc:sldMkLst>
          <pc:docMk/>
          <pc:sldMk cId="16116434" sldId="262"/>
        </pc:sldMkLst>
      </pc:sldChg>
      <pc:sldChg chg="addSp delSp modSp new mod">
        <pc:chgData name="Conese  Andrea" userId="a0d85db6-9ead-4a96-b900-2c948ab101d2" providerId="ADAL" clId="{5425E378-C4B9-4FD1-8921-2A09EC1287CE}" dt="2024-03-19T12:36:59.522" v="845" actId="1076"/>
        <pc:sldMkLst>
          <pc:docMk/>
          <pc:sldMk cId="3294851765" sldId="262"/>
        </pc:sldMkLst>
        <pc:spChg chg="add mod">
          <ac:chgData name="Conese  Andrea" userId="a0d85db6-9ead-4a96-b900-2c948ab101d2" providerId="ADAL" clId="{5425E378-C4B9-4FD1-8921-2A09EC1287CE}" dt="2024-03-19T12:36:51.347" v="842" actId="1076"/>
          <ac:spMkLst>
            <pc:docMk/>
            <pc:sldMk cId="3294851765" sldId="262"/>
            <ac:spMk id="4" creationId="{B7368AFD-5481-B14D-CAEA-FC700A0471A6}"/>
          </ac:spMkLst>
        </pc:spChg>
        <pc:graphicFrameChg chg="add mod modGraphic">
          <ac:chgData name="Conese  Andrea" userId="a0d85db6-9ead-4a96-b900-2c948ab101d2" providerId="ADAL" clId="{5425E378-C4B9-4FD1-8921-2A09EC1287CE}" dt="2024-03-19T12:25:14.510" v="780" actId="208"/>
          <ac:graphicFrameMkLst>
            <pc:docMk/>
            <pc:sldMk cId="3294851765" sldId="262"/>
            <ac:graphicFrameMk id="5" creationId="{47CFDC12-F787-D30B-D8E4-2CDB5111C53A}"/>
          </ac:graphicFrameMkLst>
        </pc:graphicFrameChg>
        <pc:picChg chg="add del mod">
          <ac:chgData name="Conese  Andrea" userId="a0d85db6-9ead-4a96-b900-2c948ab101d2" providerId="ADAL" clId="{5425E378-C4B9-4FD1-8921-2A09EC1287CE}" dt="2024-03-19T12:36:00.730" v="832" actId="478"/>
          <ac:picMkLst>
            <pc:docMk/>
            <pc:sldMk cId="3294851765" sldId="262"/>
            <ac:picMk id="7" creationId="{091E15B6-4110-A4C0-BA54-CA971884EA43}"/>
          </ac:picMkLst>
        </pc:picChg>
        <pc:picChg chg="add mod">
          <ac:chgData name="Conese  Andrea" userId="a0d85db6-9ead-4a96-b900-2c948ab101d2" providerId="ADAL" clId="{5425E378-C4B9-4FD1-8921-2A09EC1287CE}" dt="2024-03-19T12:36:59.522" v="845" actId="1076"/>
          <ac:picMkLst>
            <pc:docMk/>
            <pc:sldMk cId="3294851765" sldId="262"/>
            <ac:picMk id="9" creationId="{7248631E-5867-388A-9D94-0331C60DBD6F}"/>
          </ac:picMkLst>
        </pc:picChg>
      </pc:sldChg>
      <pc:sldChg chg="addSp delSp modSp new mod">
        <pc:chgData name="Conese  Andrea" userId="a0d85db6-9ead-4a96-b900-2c948ab101d2" providerId="ADAL" clId="{5425E378-C4B9-4FD1-8921-2A09EC1287CE}" dt="2024-03-19T16:29:28.507" v="1411" actId="21"/>
        <pc:sldMkLst>
          <pc:docMk/>
          <pc:sldMk cId="984572882" sldId="263"/>
        </pc:sldMkLst>
        <pc:spChg chg="add del mod">
          <ac:chgData name="Conese  Andrea" userId="a0d85db6-9ead-4a96-b900-2c948ab101d2" providerId="ADAL" clId="{5425E378-C4B9-4FD1-8921-2A09EC1287CE}" dt="2024-03-19T16:29:22.687" v="1409"/>
          <ac:spMkLst>
            <pc:docMk/>
            <pc:sldMk cId="984572882" sldId="263"/>
            <ac:spMk id="4" creationId="{D82DACC2-7C29-F115-D857-4B5B4988178D}"/>
          </ac:spMkLst>
        </pc:spChg>
        <pc:picChg chg="add del mod">
          <ac:chgData name="Conese  Andrea" userId="a0d85db6-9ead-4a96-b900-2c948ab101d2" providerId="ADAL" clId="{5425E378-C4B9-4FD1-8921-2A09EC1287CE}" dt="2024-03-19T16:29:28.507" v="1411" actId="21"/>
          <ac:picMkLst>
            <pc:docMk/>
            <pc:sldMk cId="984572882" sldId="263"/>
            <ac:picMk id="6" creationId="{B9851D02-B832-34EB-A5AF-2944D6634D79}"/>
          </ac:picMkLst>
        </pc:picChg>
      </pc:sldChg>
      <pc:sldChg chg="del">
        <pc:chgData name="Conese  Andrea" userId="a0d85db6-9ead-4a96-b900-2c948ab101d2" providerId="ADAL" clId="{5425E378-C4B9-4FD1-8921-2A09EC1287CE}" dt="2024-03-19T11:26:01.757" v="5" actId="47"/>
        <pc:sldMkLst>
          <pc:docMk/>
          <pc:sldMk cId="3264948608" sldId="263"/>
        </pc:sldMkLst>
      </pc:sldChg>
      <pc:sldChg chg="del">
        <pc:chgData name="Conese  Andrea" userId="a0d85db6-9ead-4a96-b900-2c948ab101d2" providerId="ADAL" clId="{5425E378-C4B9-4FD1-8921-2A09EC1287CE}" dt="2024-03-19T11:25:56.988" v="1" actId="47"/>
        <pc:sldMkLst>
          <pc:docMk/>
          <pc:sldMk cId="783382818" sldId="265"/>
        </pc:sldMkLst>
      </pc:sldChg>
      <pc:sldChg chg="del">
        <pc:chgData name="Conese  Andrea" userId="a0d85db6-9ead-4a96-b900-2c948ab101d2" providerId="ADAL" clId="{5425E378-C4B9-4FD1-8921-2A09EC1287CE}" dt="2024-03-19T11:26:04.767" v="8" actId="47"/>
        <pc:sldMkLst>
          <pc:docMk/>
          <pc:sldMk cId="1391176222" sldId="266"/>
        </pc:sldMkLst>
      </pc:sldChg>
      <pc:sldChg chg="del">
        <pc:chgData name="Conese  Andrea" userId="a0d85db6-9ead-4a96-b900-2c948ab101d2" providerId="ADAL" clId="{5425E378-C4B9-4FD1-8921-2A09EC1287CE}" dt="2024-03-19T11:26:05.354" v="9" actId="47"/>
        <pc:sldMkLst>
          <pc:docMk/>
          <pc:sldMk cId="85080573" sldId="267"/>
        </pc:sldMkLst>
      </pc:sldChg>
      <pc:sldChg chg="del">
        <pc:chgData name="Conese  Andrea" userId="a0d85db6-9ead-4a96-b900-2c948ab101d2" providerId="ADAL" clId="{5425E378-C4B9-4FD1-8921-2A09EC1287CE}" dt="2024-03-19T11:26:05.919" v="10" actId="47"/>
        <pc:sldMkLst>
          <pc:docMk/>
          <pc:sldMk cId="622075395" sldId="268"/>
        </pc:sldMkLst>
      </pc:sldChg>
      <pc:sldChg chg="del">
        <pc:chgData name="Conese  Andrea" userId="a0d85db6-9ead-4a96-b900-2c948ab101d2" providerId="ADAL" clId="{5425E378-C4B9-4FD1-8921-2A09EC1287CE}" dt="2024-03-19T11:26:06.553" v="11" actId="47"/>
        <pc:sldMkLst>
          <pc:docMk/>
          <pc:sldMk cId="2765223415" sldId="269"/>
        </pc:sldMkLst>
      </pc:sldChg>
      <pc:sldChg chg="del">
        <pc:chgData name="Conese  Andrea" userId="a0d85db6-9ead-4a96-b900-2c948ab101d2" providerId="ADAL" clId="{5425E378-C4B9-4FD1-8921-2A09EC1287CE}" dt="2024-03-19T11:26:02.786" v="6" actId="47"/>
        <pc:sldMkLst>
          <pc:docMk/>
          <pc:sldMk cId="4255235546" sldId="270"/>
        </pc:sldMkLst>
      </pc:sldChg>
      <pc:sldChg chg="addSp modSp mod ord">
        <pc:chgData name="Conese  Andrea" userId="a0d85db6-9ead-4a96-b900-2c948ab101d2" providerId="ADAL" clId="{5425E378-C4B9-4FD1-8921-2A09EC1287CE}" dt="2024-03-19T16:29:40.358" v="1414" actId="1076"/>
        <pc:sldMkLst>
          <pc:docMk/>
          <pc:sldMk cId="4184302257" sldId="352"/>
        </pc:sldMkLst>
        <pc:spChg chg="mod">
          <ac:chgData name="Conese  Andrea" userId="a0d85db6-9ead-4a96-b900-2c948ab101d2" providerId="ADAL" clId="{5425E378-C4B9-4FD1-8921-2A09EC1287CE}" dt="2024-03-19T16:29:36.142" v="1412" actId="122"/>
          <ac:spMkLst>
            <pc:docMk/>
            <pc:sldMk cId="4184302257" sldId="352"/>
            <ac:spMk id="2" creationId="{2C2BFAE1-45D3-4B3B-81D2-0BF25FA84FB8}"/>
          </ac:spMkLst>
        </pc:spChg>
        <pc:graphicFrameChg chg="modGraphic">
          <ac:chgData name="Conese  Andrea" userId="a0d85db6-9ead-4a96-b900-2c948ab101d2" providerId="ADAL" clId="{5425E378-C4B9-4FD1-8921-2A09EC1287CE}" dt="2024-03-19T16:07:52.819" v="1097" actId="2161"/>
          <ac:graphicFrameMkLst>
            <pc:docMk/>
            <pc:sldMk cId="4184302257" sldId="352"/>
            <ac:graphicFrameMk id="95" creationId="{8F729E0D-27BC-4A38-9D95-3EB1EF1E9C75}"/>
          </ac:graphicFrameMkLst>
        </pc:graphicFrameChg>
        <pc:picChg chg="add mod">
          <ac:chgData name="Conese  Andrea" userId="a0d85db6-9ead-4a96-b900-2c948ab101d2" providerId="ADAL" clId="{5425E378-C4B9-4FD1-8921-2A09EC1287CE}" dt="2024-03-19T16:29:40.358" v="1414" actId="1076"/>
          <ac:picMkLst>
            <pc:docMk/>
            <pc:sldMk cId="4184302257" sldId="352"/>
            <ac:picMk id="6" creationId="{B9851D02-B832-34EB-A5AF-2944D6634D79}"/>
          </ac:picMkLst>
        </pc:picChg>
      </pc:sldChg>
      <pc:sldMasterChg chg="addSp delSp modSp mod addSldLayout modSldLayout">
        <pc:chgData name="Conese  Andrea" userId="a0d85db6-9ead-4a96-b900-2c948ab101d2" providerId="ADAL" clId="{5425E378-C4B9-4FD1-8921-2A09EC1287CE}" dt="2024-03-19T11:40:03.952" v="186" actId="1076"/>
        <pc:sldMasterMkLst>
          <pc:docMk/>
          <pc:sldMasterMk cId="3461579504" sldId="2147483661"/>
        </pc:sldMasterMkLst>
        <pc:picChg chg="add del">
          <ac:chgData name="Conese  Andrea" userId="a0d85db6-9ead-4a96-b900-2c948ab101d2" providerId="ADAL" clId="{5425E378-C4B9-4FD1-8921-2A09EC1287CE}" dt="2024-03-19T11:38:05.255" v="170" actId="21"/>
          <ac:picMkLst>
            <pc:docMk/>
            <pc:sldMasterMk cId="3461579504" sldId="2147483661"/>
            <ac:picMk id="2" creationId="{87C59317-76DE-3AA2-1531-54CFA0A00C06}"/>
          </ac:picMkLst>
        </pc:picChg>
        <pc:picChg chg="add del mod">
          <ac:chgData name="Conese  Andrea" userId="a0d85db6-9ead-4a96-b900-2c948ab101d2" providerId="ADAL" clId="{5425E378-C4B9-4FD1-8921-2A09EC1287CE}" dt="2024-03-19T11:38:20.018" v="173" actId="478"/>
          <ac:picMkLst>
            <pc:docMk/>
            <pc:sldMasterMk cId="3461579504" sldId="2147483661"/>
            <ac:picMk id="3" creationId="{EC0F0D9D-ECD4-230C-398F-167B48066EFE}"/>
          </ac:picMkLst>
        </pc:picChg>
        <pc:picChg chg="add del mod">
          <ac:chgData name="Conese  Andrea" userId="a0d85db6-9ead-4a96-b900-2c948ab101d2" providerId="ADAL" clId="{5425E378-C4B9-4FD1-8921-2A09EC1287CE}" dt="2024-03-19T11:39:38.543" v="180" actId="478"/>
          <ac:picMkLst>
            <pc:docMk/>
            <pc:sldMasterMk cId="3461579504" sldId="2147483661"/>
            <ac:picMk id="6" creationId="{931416D3-09F3-726C-743A-112DDDF32600}"/>
          </ac:picMkLst>
        </pc:picChg>
        <pc:picChg chg="add mod">
          <ac:chgData name="Conese  Andrea" userId="a0d85db6-9ead-4a96-b900-2c948ab101d2" providerId="ADAL" clId="{5425E378-C4B9-4FD1-8921-2A09EC1287CE}" dt="2024-03-19T11:40:03.952" v="186" actId="1076"/>
          <ac:picMkLst>
            <pc:docMk/>
            <pc:sldMasterMk cId="3461579504" sldId="2147483661"/>
            <ac:picMk id="7" creationId="{2D0FC8AC-A908-C168-4645-ECB880B6C51C}"/>
          </ac:picMkLst>
        </pc:picChg>
        <pc:sldLayoutChg chg="addSp delSp mod">
          <pc:chgData name="Conese  Andrea" userId="a0d85db6-9ead-4a96-b900-2c948ab101d2" providerId="ADAL" clId="{5425E378-C4B9-4FD1-8921-2A09EC1287CE}" dt="2024-03-19T11:39:46.010" v="181" actId="21"/>
          <pc:sldLayoutMkLst>
            <pc:docMk/>
            <pc:sldMasterMk cId="3461579504" sldId="2147483661"/>
            <pc:sldLayoutMk cId="4247565534" sldId="2147483663"/>
          </pc:sldLayoutMkLst>
          <pc:picChg chg="add del">
            <ac:chgData name="Conese  Andrea" userId="a0d85db6-9ead-4a96-b900-2c948ab101d2" providerId="ADAL" clId="{5425E378-C4B9-4FD1-8921-2A09EC1287CE}" dt="2024-03-19T11:39:46.010" v="181" actId="21"/>
            <ac:picMkLst>
              <pc:docMk/>
              <pc:sldMasterMk cId="3461579504" sldId="2147483661"/>
              <pc:sldLayoutMk cId="4247565534" sldId="2147483663"/>
              <ac:picMk id="7" creationId="{0B2251B8-7E31-372D-28EC-CA79DC5E942A}"/>
            </ac:picMkLst>
          </pc:picChg>
        </pc:sldLayoutChg>
        <pc:sldLayoutChg chg="new mod">
          <pc:chgData name="Conese  Andrea" userId="a0d85db6-9ead-4a96-b900-2c948ab101d2" providerId="ADAL" clId="{5425E378-C4B9-4FD1-8921-2A09EC1287CE}" dt="2024-03-19T11:37:43.316" v="155" actId="11236"/>
          <pc:sldLayoutMkLst>
            <pc:docMk/>
            <pc:sldMasterMk cId="3461579504" sldId="2147483661"/>
            <pc:sldLayoutMk cId="3065741367" sldId="2147483673"/>
          </pc:sldLayoutMkLst>
        </pc:sldLayoutChg>
      </pc:sldMasterChg>
      <pc:sldMasterChg chg="new del mod addSldLayout delSldLayout">
        <pc:chgData name="Conese  Andrea" userId="a0d85db6-9ead-4a96-b900-2c948ab101d2" providerId="ADAL" clId="{5425E378-C4B9-4FD1-8921-2A09EC1287CE}" dt="2024-03-19T11:37:52.251" v="168" actId="2696"/>
        <pc:sldMasterMkLst>
          <pc:docMk/>
          <pc:sldMasterMk cId="3187564037" sldId="2147483674"/>
        </pc:sldMasterMkLst>
        <pc:sldLayoutChg chg="new del replId">
          <pc:chgData name="Conese  Andrea" userId="a0d85db6-9ead-4a96-b900-2c948ab101d2" providerId="ADAL" clId="{5425E378-C4B9-4FD1-8921-2A09EC1287CE}" dt="2024-03-19T11:37:52.109" v="157" actId="2696"/>
          <pc:sldLayoutMkLst>
            <pc:docMk/>
            <pc:sldMasterMk cId="3187564037" sldId="2147483674"/>
            <pc:sldLayoutMk cId="1778165315" sldId="2147483675"/>
          </pc:sldLayoutMkLst>
        </pc:sldLayoutChg>
        <pc:sldLayoutChg chg="new del replId">
          <pc:chgData name="Conese  Andrea" userId="a0d85db6-9ead-4a96-b900-2c948ab101d2" providerId="ADAL" clId="{5425E378-C4B9-4FD1-8921-2A09EC1287CE}" dt="2024-03-19T11:37:52.125" v="158" actId="2696"/>
          <pc:sldLayoutMkLst>
            <pc:docMk/>
            <pc:sldMasterMk cId="3187564037" sldId="2147483674"/>
            <pc:sldLayoutMk cId="2416630724" sldId="2147483676"/>
          </pc:sldLayoutMkLst>
        </pc:sldLayoutChg>
        <pc:sldLayoutChg chg="new del replId">
          <pc:chgData name="Conese  Andrea" userId="a0d85db6-9ead-4a96-b900-2c948ab101d2" providerId="ADAL" clId="{5425E378-C4B9-4FD1-8921-2A09EC1287CE}" dt="2024-03-19T11:37:52.144" v="159" actId="2696"/>
          <pc:sldLayoutMkLst>
            <pc:docMk/>
            <pc:sldMasterMk cId="3187564037" sldId="2147483674"/>
            <pc:sldLayoutMk cId="2936421355" sldId="2147483677"/>
          </pc:sldLayoutMkLst>
        </pc:sldLayoutChg>
        <pc:sldLayoutChg chg="new del replId">
          <pc:chgData name="Conese  Andrea" userId="a0d85db6-9ead-4a96-b900-2c948ab101d2" providerId="ADAL" clId="{5425E378-C4B9-4FD1-8921-2A09EC1287CE}" dt="2024-03-19T11:37:52.160" v="160" actId="2696"/>
          <pc:sldLayoutMkLst>
            <pc:docMk/>
            <pc:sldMasterMk cId="3187564037" sldId="2147483674"/>
            <pc:sldLayoutMk cId="1273404574" sldId="2147483678"/>
          </pc:sldLayoutMkLst>
        </pc:sldLayoutChg>
        <pc:sldLayoutChg chg="new del replId">
          <pc:chgData name="Conese  Andrea" userId="a0d85db6-9ead-4a96-b900-2c948ab101d2" providerId="ADAL" clId="{5425E378-C4B9-4FD1-8921-2A09EC1287CE}" dt="2024-03-19T11:37:52.175" v="161" actId="2696"/>
          <pc:sldLayoutMkLst>
            <pc:docMk/>
            <pc:sldMasterMk cId="3187564037" sldId="2147483674"/>
            <pc:sldLayoutMk cId="2211821185" sldId="2147483679"/>
          </pc:sldLayoutMkLst>
        </pc:sldLayoutChg>
        <pc:sldLayoutChg chg="new del replId">
          <pc:chgData name="Conese  Andrea" userId="a0d85db6-9ead-4a96-b900-2c948ab101d2" providerId="ADAL" clId="{5425E378-C4B9-4FD1-8921-2A09EC1287CE}" dt="2024-03-19T11:37:52.187" v="162" actId="2696"/>
          <pc:sldLayoutMkLst>
            <pc:docMk/>
            <pc:sldMasterMk cId="3187564037" sldId="2147483674"/>
            <pc:sldLayoutMk cId="3200662262" sldId="2147483680"/>
          </pc:sldLayoutMkLst>
        </pc:sldLayoutChg>
        <pc:sldLayoutChg chg="new del replId">
          <pc:chgData name="Conese  Andrea" userId="a0d85db6-9ead-4a96-b900-2c948ab101d2" providerId="ADAL" clId="{5425E378-C4B9-4FD1-8921-2A09EC1287CE}" dt="2024-03-19T11:37:52.187" v="163" actId="2696"/>
          <pc:sldLayoutMkLst>
            <pc:docMk/>
            <pc:sldMasterMk cId="3187564037" sldId="2147483674"/>
            <pc:sldLayoutMk cId="353737375" sldId="2147483681"/>
          </pc:sldLayoutMkLst>
        </pc:sldLayoutChg>
        <pc:sldLayoutChg chg="new del replId">
          <pc:chgData name="Conese  Andrea" userId="a0d85db6-9ead-4a96-b900-2c948ab101d2" providerId="ADAL" clId="{5425E378-C4B9-4FD1-8921-2A09EC1287CE}" dt="2024-03-19T11:37:52.204" v="164" actId="2696"/>
          <pc:sldLayoutMkLst>
            <pc:docMk/>
            <pc:sldMasterMk cId="3187564037" sldId="2147483674"/>
            <pc:sldLayoutMk cId="1201010082" sldId="2147483682"/>
          </pc:sldLayoutMkLst>
        </pc:sldLayoutChg>
        <pc:sldLayoutChg chg="new del replId">
          <pc:chgData name="Conese  Andrea" userId="a0d85db6-9ead-4a96-b900-2c948ab101d2" providerId="ADAL" clId="{5425E378-C4B9-4FD1-8921-2A09EC1287CE}" dt="2024-03-19T11:37:52.219" v="165" actId="2696"/>
          <pc:sldLayoutMkLst>
            <pc:docMk/>
            <pc:sldMasterMk cId="3187564037" sldId="2147483674"/>
            <pc:sldLayoutMk cId="3809434871" sldId="2147483683"/>
          </pc:sldLayoutMkLst>
        </pc:sldLayoutChg>
        <pc:sldLayoutChg chg="new del replId">
          <pc:chgData name="Conese  Andrea" userId="a0d85db6-9ead-4a96-b900-2c948ab101d2" providerId="ADAL" clId="{5425E378-C4B9-4FD1-8921-2A09EC1287CE}" dt="2024-03-19T11:37:52.227" v="166" actId="2696"/>
          <pc:sldLayoutMkLst>
            <pc:docMk/>
            <pc:sldMasterMk cId="3187564037" sldId="2147483674"/>
            <pc:sldLayoutMk cId="760577063" sldId="2147483684"/>
          </pc:sldLayoutMkLst>
        </pc:sldLayoutChg>
        <pc:sldLayoutChg chg="new del replId">
          <pc:chgData name="Conese  Andrea" userId="a0d85db6-9ead-4a96-b900-2c948ab101d2" providerId="ADAL" clId="{5425E378-C4B9-4FD1-8921-2A09EC1287CE}" dt="2024-03-19T11:37:52.235" v="167" actId="2696"/>
          <pc:sldLayoutMkLst>
            <pc:docMk/>
            <pc:sldMasterMk cId="3187564037" sldId="2147483674"/>
            <pc:sldLayoutMk cId="2150113402" sldId="2147483685"/>
          </pc:sldLayoutMkLst>
        </pc:sldLayoutChg>
      </pc:sldMasterChg>
    </pc:docChg>
  </pc:docChgLst>
  <pc:docChgLst>
    <pc:chgData name="Conese  Andrea" userId="a0d85db6-9ead-4a96-b900-2c948ab101d2" providerId="ADAL" clId="{B39853F4-F433-4855-8757-71FDCBDEDAFA}"/>
    <pc:docChg chg="undo redo custSel addSld delSld modSld sldOrd addMainMaster modMainMaster">
      <pc:chgData name="Conese  Andrea" userId="a0d85db6-9ead-4a96-b900-2c948ab101d2" providerId="ADAL" clId="{B39853F4-F433-4855-8757-71FDCBDEDAFA}" dt="2023-10-28T09:49:59.653" v="3400" actId="1076"/>
      <pc:docMkLst>
        <pc:docMk/>
      </pc:docMkLst>
      <pc:sldChg chg="del">
        <pc:chgData name="Conese  Andrea" userId="a0d85db6-9ead-4a96-b900-2c948ab101d2" providerId="ADAL" clId="{B39853F4-F433-4855-8757-71FDCBDEDAFA}" dt="2023-10-27T11:29:20.934" v="37" actId="2696"/>
        <pc:sldMkLst>
          <pc:docMk/>
          <pc:sldMk cId="108420386" sldId="256"/>
        </pc:sldMkLst>
      </pc:sldChg>
      <pc:sldChg chg="addSp delSp modSp new mod setBg">
        <pc:chgData name="Conese  Andrea" userId="a0d85db6-9ead-4a96-b900-2c948ab101d2" providerId="ADAL" clId="{B39853F4-F433-4855-8757-71FDCBDEDAFA}" dt="2023-10-28T09:47:42.969" v="3368" actId="20577"/>
        <pc:sldMkLst>
          <pc:docMk/>
          <pc:sldMk cId="2211583335" sldId="256"/>
        </pc:sldMkLst>
        <pc:spChg chg="del">
          <ac:chgData name="Conese  Andrea" userId="a0d85db6-9ead-4a96-b900-2c948ab101d2" providerId="ADAL" clId="{B39853F4-F433-4855-8757-71FDCBDEDAFA}" dt="2023-10-27T11:29:52.759" v="45" actId="478"/>
          <ac:spMkLst>
            <pc:docMk/>
            <pc:sldMk cId="2211583335" sldId="256"/>
            <ac:spMk id="2" creationId="{323D4D56-874B-6ABB-3564-48C5A018FC58}"/>
          </ac:spMkLst>
        </pc:spChg>
        <pc:spChg chg="del">
          <ac:chgData name="Conese  Andrea" userId="a0d85db6-9ead-4a96-b900-2c948ab101d2" providerId="ADAL" clId="{B39853F4-F433-4855-8757-71FDCBDEDAFA}" dt="2023-10-27T11:29:54.914" v="46" actId="478"/>
          <ac:spMkLst>
            <pc:docMk/>
            <pc:sldMk cId="2211583335" sldId="256"/>
            <ac:spMk id="3" creationId="{0EE92CC3-59B3-22C5-F17D-5ACC1690F5E5}"/>
          </ac:spMkLst>
        </pc:spChg>
        <pc:spChg chg="add mod">
          <ac:chgData name="Conese  Andrea" userId="a0d85db6-9ead-4a96-b900-2c948ab101d2" providerId="ADAL" clId="{B39853F4-F433-4855-8757-71FDCBDEDAFA}" dt="2023-10-27T11:46:24.880" v="1023" actId="27636"/>
          <ac:spMkLst>
            <pc:docMk/>
            <pc:sldMk cId="2211583335" sldId="256"/>
            <ac:spMk id="4" creationId="{831F5812-8C55-17F0-36D2-5CDA873C62CD}"/>
          </ac:spMkLst>
        </pc:spChg>
        <pc:spChg chg="add mod">
          <ac:chgData name="Conese  Andrea" userId="a0d85db6-9ead-4a96-b900-2c948ab101d2" providerId="ADAL" clId="{B39853F4-F433-4855-8757-71FDCBDEDAFA}" dt="2023-10-27T11:46:55.688" v="1025" actId="790"/>
          <ac:spMkLst>
            <pc:docMk/>
            <pc:sldMk cId="2211583335" sldId="256"/>
            <ac:spMk id="5" creationId="{5321F850-0BE3-C7F1-8C35-F807B4057251}"/>
          </ac:spMkLst>
        </pc:spChg>
        <pc:spChg chg="mod">
          <ac:chgData name="Conese  Andrea" userId="a0d85db6-9ead-4a96-b900-2c948ab101d2" providerId="ADAL" clId="{B39853F4-F433-4855-8757-71FDCBDEDAFA}" dt="2023-10-28T09:47:42.969" v="3368" actId="20577"/>
          <ac:spMkLst>
            <pc:docMk/>
            <pc:sldMk cId="2211583335" sldId="256"/>
            <ac:spMk id="6" creationId="{BAD86508-72D4-27B6-44C0-60D9315C544B}"/>
          </ac:spMkLst>
        </pc:spChg>
        <pc:spChg chg="del">
          <ac:chgData name="Conese  Andrea" userId="a0d85db6-9ead-4a96-b900-2c948ab101d2" providerId="ADAL" clId="{B39853F4-F433-4855-8757-71FDCBDEDAFA}" dt="2023-10-27T11:48:41.644" v="1037" actId="478"/>
          <ac:spMkLst>
            <pc:docMk/>
            <pc:sldMk cId="2211583335" sldId="256"/>
            <ac:spMk id="7" creationId="{D2B01A8E-CC12-23F4-8519-75CC152CE177}"/>
          </ac:spMkLst>
        </pc:spChg>
        <pc:spChg chg="add">
          <ac:chgData name="Conese  Andrea" userId="a0d85db6-9ead-4a96-b900-2c948ab101d2" providerId="ADAL" clId="{B39853F4-F433-4855-8757-71FDCBDEDAFA}" dt="2023-10-27T11:37:13.993" v="586" actId="26606"/>
          <ac:spMkLst>
            <pc:docMk/>
            <pc:sldMk cId="2211583335" sldId="256"/>
            <ac:spMk id="1030" creationId="{ECC07320-C2CA-4E29-8481-9D9E143C7788}"/>
          </ac:spMkLst>
        </pc:spChg>
        <pc:spChg chg="add del">
          <ac:chgData name="Conese  Andrea" userId="a0d85db6-9ead-4a96-b900-2c948ab101d2" providerId="ADAL" clId="{B39853F4-F433-4855-8757-71FDCBDEDAFA}" dt="2023-10-27T11:30:39.565" v="49" actId="26606"/>
          <ac:spMkLst>
            <pc:docMk/>
            <pc:sldMk cId="2211583335" sldId="256"/>
            <ac:spMk id="1031" creationId="{7BDAC5B6-20CE-447F-8BA1-F2274AC7AE5B}"/>
          </ac:spMkLst>
        </pc:spChg>
        <pc:spChg chg="add del">
          <ac:chgData name="Conese  Andrea" userId="a0d85db6-9ead-4a96-b900-2c948ab101d2" providerId="ADAL" clId="{B39853F4-F433-4855-8757-71FDCBDEDAFA}" dt="2023-10-27T11:30:39.565" v="49" actId="26606"/>
          <ac:spMkLst>
            <pc:docMk/>
            <pc:sldMk cId="2211583335" sldId="256"/>
            <ac:spMk id="1033" creationId="{D1D22B31-BF8F-446B-9009-8A251FB177CB}"/>
          </ac:spMkLst>
        </pc:spChg>
        <pc:spChg chg="add del">
          <ac:chgData name="Conese  Andrea" userId="a0d85db6-9ead-4a96-b900-2c948ab101d2" providerId="ADAL" clId="{B39853F4-F433-4855-8757-71FDCBDEDAFA}" dt="2023-10-27T11:30:50.476" v="55" actId="26606"/>
          <ac:spMkLst>
            <pc:docMk/>
            <pc:sldMk cId="2211583335" sldId="256"/>
            <ac:spMk id="1035" creationId="{42A4FC2C-047E-45A5-965D-8E1E3BF09BC6}"/>
          </ac:spMkLst>
        </pc:spChg>
        <pc:picChg chg="add del mod">
          <ac:chgData name="Conese  Andrea" userId="a0d85db6-9ead-4a96-b900-2c948ab101d2" providerId="ADAL" clId="{B39853F4-F433-4855-8757-71FDCBDEDAFA}" dt="2023-10-27T11:35:41.605" v="581" actId="21"/>
          <ac:picMkLst>
            <pc:docMk/>
            <pc:sldMk cId="2211583335" sldId="256"/>
            <ac:picMk id="1026" creationId="{ABF263D5-E112-E678-0EF9-836CC6AB3AB1}"/>
          </ac:picMkLst>
        </pc:picChg>
        <pc:picChg chg="add mod">
          <ac:chgData name="Conese  Andrea" userId="a0d85db6-9ead-4a96-b900-2c948ab101d2" providerId="ADAL" clId="{B39853F4-F433-4855-8757-71FDCBDEDAFA}" dt="2023-10-27T11:37:40.718" v="589" actId="1076"/>
          <ac:picMkLst>
            <pc:docMk/>
            <pc:sldMk cId="2211583335" sldId="256"/>
            <ac:picMk id="1028" creationId="{465C0BB1-C8BC-A93A-149E-A4A6CE214BE8}"/>
          </ac:picMkLst>
        </pc:picChg>
      </pc:sldChg>
      <pc:sldChg chg="new del">
        <pc:chgData name="Conese  Andrea" userId="a0d85db6-9ead-4a96-b900-2c948ab101d2" providerId="ADAL" clId="{B39853F4-F433-4855-8757-71FDCBDEDAFA}" dt="2023-10-27T11:50:39.479" v="1043" actId="2696"/>
        <pc:sldMkLst>
          <pc:docMk/>
          <pc:sldMk cId="1837101852" sldId="257"/>
        </pc:sldMkLst>
      </pc:sldChg>
      <pc:sldChg chg="new del setBg">
        <pc:chgData name="Conese  Andrea" userId="a0d85db6-9ead-4a96-b900-2c948ab101d2" providerId="ADAL" clId="{B39853F4-F433-4855-8757-71FDCBDEDAFA}" dt="2023-10-27T11:50:30.361" v="1041" actId="2696"/>
        <pc:sldMkLst>
          <pc:docMk/>
          <pc:sldMk cId="3052506844" sldId="257"/>
        </pc:sldMkLst>
      </pc:sldChg>
      <pc:sldChg chg="addSp delSp modSp new mod setBg">
        <pc:chgData name="Conese  Andrea" userId="a0d85db6-9ead-4a96-b900-2c948ab101d2" providerId="ADAL" clId="{B39853F4-F433-4855-8757-71FDCBDEDAFA}" dt="2023-10-28T09:48:41.512" v="3378" actId="20577"/>
        <pc:sldMkLst>
          <pc:docMk/>
          <pc:sldMk cId="3080673012" sldId="257"/>
        </pc:sldMkLst>
        <pc:spChg chg="add del mod">
          <ac:chgData name="Conese  Andrea" userId="a0d85db6-9ead-4a96-b900-2c948ab101d2" providerId="ADAL" clId="{B39853F4-F433-4855-8757-71FDCBDEDAFA}" dt="2023-10-27T21:31:20.228" v="1095"/>
          <ac:spMkLst>
            <pc:docMk/>
            <pc:sldMk cId="3080673012" sldId="257"/>
            <ac:spMk id="2" creationId="{33B286B4-ACB2-3E85-1816-A71C452C7777}"/>
          </ac:spMkLst>
        </pc:spChg>
        <pc:spChg chg="del">
          <ac:chgData name="Conese  Andrea" userId="a0d85db6-9ead-4a96-b900-2c948ab101d2" providerId="ADAL" clId="{B39853F4-F433-4855-8757-71FDCBDEDAFA}" dt="2023-10-27T21:28:47.635" v="1076" actId="478"/>
          <ac:spMkLst>
            <pc:docMk/>
            <pc:sldMk cId="3080673012" sldId="257"/>
            <ac:spMk id="2" creationId="{AF985B32-A34E-78BC-4628-63A5042EA04A}"/>
          </ac:spMkLst>
        </pc:spChg>
        <pc:spChg chg="del">
          <ac:chgData name="Conese  Andrea" userId="a0d85db6-9ead-4a96-b900-2c948ab101d2" providerId="ADAL" clId="{B39853F4-F433-4855-8757-71FDCBDEDAFA}" dt="2023-10-27T21:28:43.459" v="1075" actId="478"/>
          <ac:spMkLst>
            <pc:docMk/>
            <pc:sldMk cId="3080673012" sldId="257"/>
            <ac:spMk id="3" creationId="{6CAFB2BA-DC83-5F0C-4179-8555D7C9A4D6}"/>
          </ac:spMkLst>
        </pc:spChg>
        <pc:spChg chg="mod">
          <ac:chgData name="Conese  Andrea" userId="a0d85db6-9ead-4a96-b900-2c948ab101d2" providerId="ADAL" clId="{B39853F4-F433-4855-8757-71FDCBDEDAFA}" dt="2023-10-28T09:48:41.512" v="3378" actId="20577"/>
          <ac:spMkLst>
            <pc:docMk/>
            <pc:sldMk cId="3080673012" sldId="257"/>
            <ac:spMk id="4" creationId="{0B1ADC68-830D-2125-07DC-69C9AB022174}"/>
          </ac:spMkLst>
        </pc:spChg>
        <pc:spChg chg="add mod">
          <ac:chgData name="Conese  Andrea" userId="a0d85db6-9ead-4a96-b900-2c948ab101d2" providerId="ADAL" clId="{B39853F4-F433-4855-8757-71FDCBDEDAFA}" dt="2023-10-28T08:53:03.174" v="2094" actId="404"/>
          <ac:spMkLst>
            <pc:docMk/>
            <pc:sldMk cId="3080673012" sldId="257"/>
            <ac:spMk id="6" creationId="{54FCD674-5C78-FA3C-A468-EAF4EE5B98BF}"/>
          </ac:spMkLst>
        </pc:spChg>
        <pc:graphicFrameChg chg="add del mod">
          <ac:chgData name="Conese  Andrea" userId="a0d85db6-9ead-4a96-b900-2c948ab101d2" providerId="ADAL" clId="{B39853F4-F433-4855-8757-71FDCBDEDAFA}" dt="2023-10-27T21:31:20.221" v="1093" actId="21"/>
          <ac:graphicFrameMkLst>
            <pc:docMk/>
            <pc:sldMk cId="3080673012" sldId="257"/>
            <ac:graphicFrameMk id="3" creationId="{969E3050-E9EA-C136-C9AC-255E2D15F810}"/>
          </ac:graphicFrameMkLst>
        </pc:graphicFrameChg>
        <pc:picChg chg="add del mod">
          <ac:chgData name="Conese  Andrea" userId="a0d85db6-9ead-4a96-b900-2c948ab101d2" providerId="ADAL" clId="{B39853F4-F433-4855-8757-71FDCBDEDAFA}" dt="2023-10-27T21:29:07.118" v="1084" actId="478"/>
          <ac:picMkLst>
            <pc:docMk/>
            <pc:sldMk cId="3080673012" sldId="257"/>
            <ac:picMk id="7" creationId="{1514AB28-FA19-5465-D111-CEC147167BDE}"/>
          </ac:picMkLst>
        </pc:picChg>
        <pc:picChg chg="add del mod">
          <ac:chgData name="Conese  Andrea" userId="a0d85db6-9ead-4a96-b900-2c948ab101d2" providerId="ADAL" clId="{B39853F4-F433-4855-8757-71FDCBDEDAFA}" dt="2023-10-27T21:29:06.366" v="1083" actId="478"/>
          <ac:picMkLst>
            <pc:docMk/>
            <pc:sldMk cId="3080673012" sldId="257"/>
            <ac:picMk id="9" creationId="{A37A1F72-830C-9C66-830D-2664A6870E7B}"/>
          </ac:picMkLst>
        </pc:picChg>
        <pc:picChg chg="add del mod">
          <ac:chgData name="Conese  Andrea" userId="a0d85db6-9ead-4a96-b900-2c948ab101d2" providerId="ADAL" clId="{B39853F4-F433-4855-8757-71FDCBDEDAFA}" dt="2023-10-27T21:29:05.448" v="1082" actId="478"/>
          <ac:picMkLst>
            <pc:docMk/>
            <pc:sldMk cId="3080673012" sldId="257"/>
            <ac:picMk id="11" creationId="{992EFFE1-F3B5-2170-8391-BC0C80E2A09C}"/>
          </ac:picMkLst>
        </pc:picChg>
        <pc:picChg chg="add del mod">
          <ac:chgData name="Conese  Andrea" userId="a0d85db6-9ead-4a96-b900-2c948ab101d2" providerId="ADAL" clId="{B39853F4-F433-4855-8757-71FDCBDEDAFA}" dt="2023-10-27T21:29:04.233" v="1081" actId="478"/>
          <ac:picMkLst>
            <pc:docMk/>
            <pc:sldMk cId="3080673012" sldId="257"/>
            <ac:picMk id="13" creationId="{BFB6B01F-C1C6-3E56-65EC-C844D0ACB7F2}"/>
          </ac:picMkLst>
        </pc:picChg>
        <pc:picChg chg="add del mod">
          <ac:chgData name="Conese  Andrea" userId="a0d85db6-9ead-4a96-b900-2c948ab101d2" providerId="ADAL" clId="{B39853F4-F433-4855-8757-71FDCBDEDAFA}" dt="2023-10-27T21:29:09.582" v="1085" actId="478"/>
          <ac:picMkLst>
            <pc:docMk/>
            <pc:sldMk cId="3080673012" sldId="257"/>
            <ac:picMk id="15" creationId="{2518E678-82DC-C9C4-CE2F-7684B73F012C}"/>
          </ac:picMkLst>
        </pc:picChg>
      </pc:sldChg>
      <pc:sldChg chg="new del">
        <pc:chgData name="Conese  Andrea" userId="a0d85db6-9ead-4a96-b900-2c948ab101d2" providerId="ADAL" clId="{B39853F4-F433-4855-8757-71FDCBDEDAFA}" dt="2023-10-27T11:29:37.837" v="43" actId="2696"/>
        <pc:sldMkLst>
          <pc:docMk/>
          <pc:sldMk cId="3390772949" sldId="257"/>
        </pc:sldMkLst>
      </pc:sldChg>
      <pc:sldChg chg="new del">
        <pc:chgData name="Conese  Andrea" userId="a0d85db6-9ead-4a96-b900-2c948ab101d2" providerId="ADAL" clId="{B39853F4-F433-4855-8757-71FDCBDEDAFA}" dt="2023-10-27T11:29:27.785" v="40" actId="2696"/>
        <pc:sldMkLst>
          <pc:docMk/>
          <pc:sldMk cId="4247271231" sldId="257"/>
        </pc:sldMkLst>
      </pc:sldChg>
      <pc:sldChg chg="new del">
        <pc:chgData name="Conese  Andrea" userId="a0d85db6-9ead-4a96-b900-2c948ab101d2" providerId="ADAL" clId="{B39853F4-F433-4855-8757-71FDCBDEDAFA}" dt="2023-10-27T11:51:48.913" v="1057" actId="2696"/>
        <pc:sldMkLst>
          <pc:docMk/>
          <pc:sldMk cId="1240853161" sldId="258"/>
        </pc:sldMkLst>
      </pc:sldChg>
      <pc:sldChg chg="addSp delSp modSp new mod ord">
        <pc:chgData name="Conese  Andrea" userId="a0d85db6-9ead-4a96-b900-2c948ab101d2" providerId="ADAL" clId="{B39853F4-F433-4855-8757-71FDCBDEDAFA}" dt="2023-10-28T09:48:49.504" v="3382" actId="20577"/>
        <pc:sldMkLst>
          <pc:docMk/>
          <pc:sldMk cId="1271397510" sldId="258"/>
        </pc:sldMkLst>
        <pc:spChg chg="del mod">
          <ac:chgData name="Conese  Andrea" userId="a0d85db6-9ead-4a96-b900-2c948ab101d2" providerId="ADAL" clId="{B39853F4-F433-4855-8757-71FDCBDEDAFA}" dt="2023-10-27T21:31:28.675" v="1098" actId="478"/>
          <ac:spMkLst>
            <pc:docMk/>
            <pc:sldMk cId="1271397510" sldId="258"/>
            <ac:spMk id="2" creationId="{5A36BB6F-BCF3-1F7B-F765-5B7E9179B9FF}"/>
          </ac:spMkLst>
        </pc:spChg>
        <pc:spChg chg="del">
          <ac:chgData name="Conese  Andrea" userId="a0d85db6-9ead-4a96-b900-2c948ab101d2" providerId="ADAL" clId="{B39853F4-F433-4855-8757-71FDCBDEDAFA}" dt="2023-10-27T21:31:25.473" v="1096" actId="478"/>
          <ac:spMkLst>
            <pc:docMk/>
            <pc:sldMk cId="1271397510" sldId="258"/>
            <ac:spMk id="3" creationId="{7C03DF1B-19C0-203A-56B9-83D9AD922C2C}"/>
          </ac:spMkLst>
        </pc:spChg>
        <pc:spChg chg="mod">
          <ac:chgData name="Conese  Andrea" userId="a0d85db6-9ead-4a96-b900-2c948ab101d2" providerId="ADAL" clId="{B39853F4-F433-4855-8757-71FDCBDEDAFA}" dt="2023-10-28T09:48:49.504" v="3382" actId="20577"/>
          <ac:spMkLst>
            <pc:docMk/>
            <pc:sldMk cId="1271397510" sldId="258"/>
            <ac:spMk id="4" creationId="{AADE78AE-223C-61C2-FA5A-C47AA0D32071}"/>
          </ac:spMkLst>
        </pc:spChg>
        <pc:spChg chg="add mod">
          <ac:chgData name="Conese  Andrea" userId="a0d85db6-9ead-4a96-b900-2c948ab101d2" providerId="ADAL" clId="{B39853F4-F433-4855-8757-71FDCBDEDAFA}" dt="2023-10-27T21:40:18.916" v="1188" actId="948"/>
          <ac:spMkLst>
            <pc:docMk/>
            <pc:sldMk cId="1271397510" sldId="258"/>
            <ac:spMk id="7" creationId="{EE3C0680-6F2C-0DC2-0EDB-9119F623AEDF}"/>
          </ac:spMkLst>
        </pc:spChg>
        <pc:spChg chg="add mod">
          <ac:chgData name="Conese  Andrea" userId="a0d85db6-9ead-4a96-b900-2c948ab101d2" providerId="ADAL" clId="{B39853F4-F433-4855-8757-71FDCBDEDAFA}" dt="2023-10-27T21:36:59.524" v="1153" actId="2711"/>
          <ac:spMkLst>
            <pc:docMk/>
            <pc:sldMk cId="1271397510" sldId="258"/>
            <ac:spMk id="8" creationId="{9446CCD9-E908-5D33-4667-1074EE287BFA}"/>
          </ac:spMkLst>
        </pc:spChg>
        <pc:graphicFrameChg chg="add mod modGraphic">
          <ac:chgData name="Conese  Andrea" userId="a0d85db6-9ead-4a96-b900-2c948ab101d2" providerId="ADAL" clId="{B39853F4-F433-4855-8757-71FDCBDEDAFA}" dt="2023-10-27T21:36:14.266" v="1140" actId="2711"/>
          <ac:graphicFrameMkLst>
            <pc:docMk/>
            <pc:sldMk cId="1271397510" sldId="258"/>
            <ac:graphicFrameMk id="6" creationId="{4D08A6AF-472A-1AD4-6482-F7D5D2D5D5F1}"/>
          </ac:graphicFrameMkLst>
        </pc:graphicFrameChg>
      </pc:sldChg>
      <pc:sldChg chg="new del">
        <pc:chgData name="Conese  Andrea" userId="a0d85db6-9ead-4a96-b900-2c948ab101d2" providerId="ADAL" clId="{B39853F4-F433-4855-8757-71FDCBDEDAFA}" dt="2023-10-27T11:50:17.632" v="1040" actId="2696"/>
        <pc:sldMkLst>
          <pc:docMk/>
          <pc:sldMk cId="2150415447" sldId="258"/>
        </pc:sldMkLst>
      </pc:sldChg>
      <pc:sldChg chg="new del">
        <pc:chgData name="Conese  Andrea" userId="a0d85db6-9ead-4a96-b900-2c948ab101d2" providerId="ADAL" clId="{B39853F4-F433-4855-8757-71FDCBDEDAFA}" dt="2023-10-27T11:29:23.092" v="38" actId="2696"/>
        <pc:sldMkLst>
          <pc:docMk/>
          <pc:sldMk cId="3327837456" sldId="258"/>
        </pc:sldMkLst>
      </pc:sldChg>
      <pc:sldChg chg="new del">
        <pc:chgData name="Conese  Andrea" userId="a0d85db6-9ead-4a96-b900-2c948ab101d2" providerId="ADAL" clId="{B39853F4-F433-4855-8757-71FDCBDEDAFA}" dt="2023-10-27T11:29:25.837" v="39" actId="2696"/>
        <pc:sldMkLst>
          <pc:docMk/>
          <pc:sldMk cId="729475718" sldId="259"/>
        </pc:sldMkLst>
      </pc:sldChg>
      <pc:sldChg chg="addSp delSp modSp new mod">
        <pc:chgData name="Conese  Andrea" userId="a0d85db6-9ead-4a96-b900-2c948ab101d2" providerId="ADAL" clId="{B39853F4-F433-4855-8757-71FDCBDEDAFA}" dt="2023-10-28T09:48:46.327" v="3380" actId="20577"/>
        <pc:sldMkLst>
          <pc:docMk/>
          <pc:sldMk cId="1788634705" sldId="259"/>
        </pc:sldMkLst>
        <pc:spChg chg="del">
          <ac:chgData name="Conese  Andrea" userId="a0d85db6-9ead-4a96-b900-2c948ab101d2" providerId="ADAL" clId="{B39853F4-F433-4855-8757-71FDCBDEDAFA}" dt="2023-10-27T21:32:32.340" v="1106" actId="478"/>
          <ac:spMkLst>
            <pc:docMk/>
            <pc:sldMk cId="1788634705" sldId="259"/>
            <ac:spMk id="2" creationId="{BF388A86-2E9E-C390-3FD4-32D1AE5EB7E0}"/>
          </ac:spMkLst>
        </pc:spChg>
        <pc:spChg chg="del">
          <ac:chgData name="Conese  Andrea" userId="a0d85db6-9ead-4a96-b900-2c948ab101d2" providerId="ADAL" clId="{B39853F4-F433-4855-8757-71FDCBDEDAFA}" dt="2023-10-27T21:32:35.467" v="1107" actId="478"/>
          <ac:spMkLst>
            <pc:docMk/>
            <pc:sldMk cId="1788634705" sldId="259"/>
            <ac:spMk id="3" creationId="{D357B9DC-C446-22FE-0393-0BB33458FFA0}"/>
          </ac:spMkLst>
        </pc:spChg>
        <pc:spChg chg="mod">
          <ac:chgData name="Conese  Andrea" userId="a0d85db6-9ead-4a96-b900-2c948ab101d2" providerId="ADAL" clId="{B39853F4-F433-4855-8757-71FDCBDEDAFA}" dt="2023-10-28T09:48:46.327" v="3380" actId="20577"/>
          <ac:spMkLst>
            <pc:docMk/>
            <pc:sldMk cId="1788634705" sldId="259"/>
            <ac:spMk id="4" creationId="{584A6528-54E4-8CDD-DA3C-278294006598}"/>
          </ac:spMkLst>
        </pc:spChg>
        <pc:spChg chg="add mod">
          <ac:chgData name="Conese  Andrea" userId="a0d85db6-9ead-4a96-b900-2c948ab101d2" providerId="ADAL" clId="{B39853F4-F433-4855-8757-71FDCBDEDAFA}" dt="2023-10-27T21:37:19.927" v="1159" actId="20577"/>
          <ac:spMkLst>
            <pc:docMk/>
            <pc:sldMk cId="1788634705" sldId="259"/>
            <ac:spMk id="6" creationId="{4A8B49D2-3513-199D-C389-495EFD705A48}"/>
          </ac:spMkLst>
        </pc:spChg>
      </pc:sldChg>
      <pc:sldChg chg="addSp delSp modSp new del mod">
        <pc:chgData name="Conese  Andrea" userId="a0d85db6-9ead-4a96-b900-2c948ab101d2" providerId="ADAL" clId="{B39853F4-F433-4855-8757-71FDCBDEDAFA}" dt="2023-10-28T08:54:14.417" v="2103" actId="47"/>
        <pc:sldMkLst>
          <pc:docMk/>
          <pc:sldMk cId="2871162037" sldId="260"/>
        </pc:sldMkLst>
        <pc:spChg chg="del">
          <ac:chgData name="Conese  Andrea" userId="a0d85db6-9ead-4a96-b900-2c948ab101d2" providerId="ADAL" clId="{B39853F4-F433-4855-8757-71FDCBDEDAFA}" dt="2023-10-28T07:54:42.749" v="1194" actId="478"/>
          <ac:spMkLst>
            <pc:docMk/>
            <pc:sldMk cId="2871162037" sldId="260"/>
            <ac:spMk id="2" creationId="{CEF35415-1E1A-AC64-FE9F-A9FB9C4E7650}"/>
          </ac:spMkLst>
        </pc:spChg>
        <pc:spChg chg="del">
          <ac:chgData name="Conese  Andrea" userId="a0d85db6-9ead-4a96-b900-2c948ab101d2" providerId="ADAL" clId="{B39853F4-F433-4855-8757-71FDCBDEDAFA}" dt="2023-10-28T07:54:40.325" v="1193" actId="478"/>
          <ac:spMkLst>
            <pc:docMk/>
            <pc:sldMk cId="2871162037" sldId="260"/>
            <ac:spMk id="3" creationId="{038A51D1-85C9-B9E1-C53A-D930116BEDF3}"/>
          </ac:spMkLst>
        </pc:spChg>
        <pc:picChg chg="add del mod">
          <ac:chgData name="Conese  Andrea" userId="a0d85db6-9ead-4a96-b900-2c948ab101d2" providerId="ADAL" clId="{B39853F4-F433-4855-8757-71FDCBDEDAFA}" dt="2023-10-28T07:58:38.199" v="1247" actId="21"/>
          <ac:picMkLst>
            <pc:docMk/>
            <pc:sldMk cId="2871162037" sldId="260"/>
            <ac:picMk id="7" creationId="{B8BD68EF-FC93-C1D9-0D92-BE7BB700A18E}"/>
          </ac:picMkLst>
        </pc:picChg>
        <pc:picChg chg="add del mod">
          <ac:chgData name="Conese  Andrea" userId="a0d85db6-9ead-4a96-b900-2c948ab101d2" providerId="ADAL" clId="{B39853F4-F433-4855-8757-71FDCBDEDAFA}" dt="2023-10-28T08:00:37.720" v="1261" actId="21"/>
          <ac:picMkLst>
            <pc:docMk/>
            <pc:sldMk cId="2871162037" sldId="260"/>
            <ac:picMk id="9" creationId="{25BD49A3-07C3-1BA5-0342-59848D0D5F2A}"/>
          </ac:picMkLst>
        </pc:picChg>
        <pc:picChg chg="add del mod">
          <ac:chgData name="Conese  Andrea" userId="a0d85db6-9ead-4a96-b900-2c948ab101d2" providerId="ADAL" clId="{B39853F4-F433-4855-8757-71FDCBDEDAFA}" dt="2023-10-28T08:00:47.069" v="1264" actId="21"/>
          <ac:picMkLst>
            <pc:docMk/>
            <pc:sldMk cId="2871162037" sldId="260"/>
            <ac:picMk id="11" creationId="{E4F01E3B-5BA4-3809-2E0A-337C4A4D68BA}"/>
          </ac:picMkLst>
        </pc:picChg>
        <pc:picChg chg="add del mod">
          <ac:chgData name="Conese  Andrea" userId="a0d85db6-9ead-4a96-b900-2c948ab101d2" providerId="ADAL" clId="{B39853F4-F433-4855-8757-71FDCBDEDAFA}" dt="2023-10-28T08:01:04.563" v="1268" actId="21"/>
          <ac:picMkLst>
            <pc:docMk/>
            <pc:sldMk cId="2871162037" sldId="260"/>
            <ac:picMk id="13" creationId="{0D15A3B5-084C-4DB9-AC03-7B39D081E39F}"/>
          </ac:picMkLst>
        </pc:picChg>
        <pc:picChg chg="add del mod">
          <ac:chgData name="Conese  Andrea" userId="a0d85db6-9ead-4a96-b900-2c948ab101d2" providerId="ADAL" clId="{B39853F4-F433-4855-8757-71FDCBDEDAFA}" dt="2023-10-28T08:54:07.427" v="2101" actId="21"/>
          <ac:picMkLst>
            <pc:docMk/>
            <pc:sldMk cId="2871162037" sldId="260"/>
            <ac:picMk id="15" creationId="{D3D8622A-1722-ECDF-3970-CF28419671D7}"/>
          </ac:picMkLst>
        </pc:picChg>
      </pc:sldChg>
      <pc:sldChg chg="addSp delSp modSp new mod ord">
        <pc:chgData name="Conese  Andrea" userId="a0d85db6-9ead-4a96-b900-2c948ab101d2" providerId="ADAL" clId="{B39853F4-F433-4855-8757-71FDCBDEDAFA}" dt="2023-10-28T09:48:34.381" v="3374" actId="20577"/>
        <pc:sldMkLst>
          <pc:docMk/>
          <pc:sldMk cId="1590095613" sldId="261"/>
        </pc:sldMkLst>
        <pc:spChg chg="del">
          <ac:chgData name="Conese  Andrea" userId="a0d85db6-9ead-4a96-b900-2c948ab101d2" providerId="ADAL" clId="{B39853F4-F433-4855-8757-71FDCBDEDAFA}" dt="2023-10-28T07:57:01.172" v="1220" actId="478"/>
          <ac:spMkLst>
            <pc:docMk/>
            <pc:sldMk cId="1590095613" sldId="261"/>
            <ac:spMk id="2" creationId="{6BC991DD-643B-02A1-B01D-6BF760DCE229}"/>
          </ac:spMkLst>
        </pc:spChg>
        <pc:spChg chg="del">
          <ac:chgData name="Conese  Andrea" userId="a0d85db6-9ead-4a96-b900-2c948ab101d2" providerId="ADAL" clId="{B39853F4-F433-4855-8757-71FDCBDEDAFA}" dt="2023-10-28T07:57:02.797" v="1221" actId="478"/>
          <ac:spMkLst>
            <pc:docMk/>
            <pc:sldMk cId="1590095613" sldId="261"/>
            <ac:spMk id="3" creationId="{79F4A984-7666-BFD0-D0B1-5E79D78C1B92}"/>
          </ac:spMkLst>
        </pc:spChg>
        <pc:spChg chg="mod">
          <ac:chgData name="Conese  Andrea" userId="a0d85db6-9ead-4a96-b900-2c948ab101d2" providerId="ADAL" clId="{B39853F4-F433-4855-8757-71FDCBDEDAFA}" dt="2023-10-28T09:48:34.381" v="3374" actId="20577"/>
          <ac:spMkLst>
            <pc:docMk/>
            <pc:sldMk cId="1590095613" sldId="261"/>
            <ac:spMk id="4" creationId="{3D38E396-A09C-F806-4A52-699838767004}"/>
          </ac:spMkLst>
        </pc:spChg>
        <pc:spChg chg="add mod">
          <ac:chgData name="Conese  Andrea" userId="a0d85db6-9ead-4a96-b900-2c948ab101d2" providerId="ADAL" clId="{B39853F4-F433-4855-8757-71FDCBDEDAFA}" dt="2023-10-28T07:58:09.504" v="1246" actId="114"/>
          <ac:spMkLst>
            <pc:docMk/>
            <pc:sldMk cId="1590095613" sldId="261"/>
            <ac:spMk id="6" creationId="{2F162492-48CF-EC46-BADE-9B5BE2544B45}"/>
          </ac:spMkLst>
        </pc:spChg>
        <pc:spChg chg="add mod">
          <ac:chgData name="Conese  Andrea" userId="a0d85db6-9ead-4a96-b900-2c948ab101d2" providerId="ADAL" clId="{B39853F4-F433-4855-8757-71FDCBDEDAFA}" dt="2023-10-28T08:34:19.952" v="1701" actId="14100"/>
          <ac:spMkLst>
            <pc:docMk/>
            <pc:sldMk cId="1590095613" sldId="261"/>
            <ac:spMk id="11" creationId="{C4E3187A-4A7C-5037-5CB1-9533BA173A57}"/>
          </ac:spMkLst>
        </pc:spChg>
        <pc:spChg chg="add del mod">
          <ac:chgData name="Conese  Andrea" userId="a0d85db6-9ead-4a96-b900-2c948ab101d2" providerId="ADAL" clId="{B39853F4-F433-4855-8757-71FDCBDEDAFA}" dt="2023-10-28T08:32:48.362" v="1583"/>
          <ac:spMkLst>
            <pc:docMk/>
            <pc:sldMk cId="1590095613" sldId="261"/>
            <ac:spMk id="12" creationId="{BD1464A0-24F0-1AC4-7CC6-92B5FD07587B}"/>
          </ac:spMkLst>
        </pc:spChg>
        <pc:spChg chg="add mod">
          <ac:chgData name="Conese  Andrea" userId="a0d85db6-9ead-4a96-b900-2c948ab101d2" providerId="ADAL" clId="{B39853F4-F433-4855-8757-71FDCBDEDAFA}" dt="2023-10-28T08:34:23.890" v="1702" actId="14100"/>
          <ac:spMkLst>
            <pc:docMk/>
            <pc:sldMk cId="1590095613" sldId="261"/>
            <ac:spMk id="13" creationId="{FFB758B3-D2E3-6C0D-70F3-997D9284C538}"/>
          </ac:spMkLst>
        </pc:spChg>
        <pc:picChg chg="add del mod">
          <ac:chgData name="Conese  Andrea" userId="a0d85db6-9ead-4a96-b900-2c948ab101d2" providerId="ADAL" clId="{B39853F4-F433-4855-8757-71FDCBDEDAFA}" dt="2023-10-28T08:05:52.548" v="1271" actId="478"/>
          <ac:picMkLst>
            <pc:docMk/>
            <pc:sldMk cId="1590095613" sldId="261"/>
            <ac:picMk id="7" creationId="{7BC29DCB-F1E4-A1B6-FE73-1803B370FC68}"/>
          </ac:picMkLst>
        </pc:picChg>
        <pc:picChg chg="add mod">
          <ac:chgData name="Conese  Andrea" userId="a0d85db6-9ead-4a96-b900-2c948ab101d2" providerId="ADAL" clId="{B39853F4-F433-4855-8757-71FDCBDEDAFA}" dt="2023-10-28T08:00:05.836" v="1257" actId="1076"/>
          <ac:picMkLst>
            <pc:docMk/>
            <pc:sldMk cId="1590095613" sldId="261"/>
            <ac:picMk id="8" creationId="{F2DCB9A7-97F3-76E7-8587-C6DE28B094C9}"/>
          </ac:picMkLst>
        </pc:picChg>
        <pc:picChg chg="add mod">
          <ac:chgData name="Conese  Andrea" userId="a0d85db6-9ead-4a96-b900-2c948ab101d2" providerId="ADAL" clId="{B39853F4-F433-4855-8757-71FDCBDEDAFA}" dt="2023-10-28T08:06:16.913" v="1278" actId="1076"/>
          <ac:picMkLst>
            <pc:docMk/>
            <pc:sldMk cId="1590095613" sldId="261"/>
            <ac:picMk id="10" creationId="{4FDED6F3-2256-B1CC-1C87-53EA37DDB43B}"/>
          </ac:picMkLst>
        </pc:picChg>
      </pc:sldChg>
      <pc:sldChg chg="addSp delSp modSp new mod ord">
        <pc:chgData name="Conese  Andrea" userId="a0d85db6-9ead-4a96-b900-2c948ab101d2" providerId="ADAL" clId="{B39853F4-F433-4855-8757-71FDCBDEDAFA}" dt="2023-10-28T09:48:53.761" v="3384" actId="20577"/>
        <pc:sldMkLst>
          <pc:docMk/>
          <pc:sldMk cId="16116434" sldId="262"/>
        </pc:sldMkLst>
        <pc:spChg chg="del">
          <ac:chgData name="Conese  Andrea" userId="a0d85db6-9ead-4a96-b900-2c948ab101d2" providerId="ADAL" clId="{B39853F4-F433-4855-8757-71FDCBDEDAFA}" dt="2023-10-28T08:08:49.714" v="1294" actId="478"/>
          <ac:spMkLst>
            <pc:docMk/>
            <pc:sldMk cId="16116434" sldId="262"/>
            <ac:spMk id="2" creationId="{41D83250-0600-6A36-9AD4-99322C5D45F2}"/>
          </ac:spMkLst>
        </pc:spChg>
        <pc:spChg chg="del">
          <ac:chgData name="Conese  Andrea" userId="a0d85db6-9ead-4a96-b900-2c948ab101d2" providerId="ADAL" clId="{B39853F4-F433-4855-8757-71FDCBDEDAFA}" dt="2023-10-28T08:08:53.047" v="1295" actId="478"/>
          <ac:spMkLst>
            <pc:docMk/>
            <pc:sldMk cId="16116434" sldId="262"/>
            <ac:spMk id="3" creationId="{888CD978-C76C-A426-E9DC-26A4B30D761B}"/>
          </ac:spMkLst>
        </pc:spChg>
        <pc:spChg chg="mod">
          <ac:chgData name="Conese  Andrea" userId="a0d85db6-9ead-4a96-b900-2c948ab101d2" providerId="ADAL" clId="{B39853F4-F433-4855-8757-71FDCBDEDAFA}" dt="2023-10-28T09:48:53.761" v="3384" actId="20577"/>
          <ac:spMkLst>
            <pc:docMk/>
            <pc:sldMk cId="16116434" sldId="262"/>
            <ac:spMk id="4" creationId="{DA5847B3-4309-389E-1D30-2836B2CA1FA2}"/>
          </ac:spMkLst>
        </pc:spChg>
        <pc:spChg chg="add mod">
          <ac:chgData name="Conese  Andrea" userId="a0d85db6-9ead-4a96-b900-2c948ab101d2" providerId="ADAL" clId="{B39853F4-F433-4855-8757-71FDCBDEDAFA}" dt="2023-10-28T08:15:29.704" v="1324" actId="14100"/>
          <ac:spMkLst>
            <pc:docMk/>
            <pc:sldMk cId="16116434" sldId="262"/>
            <ac:spMk id="6" creationId="{2DFCBCAC-3F68-290B-CF18-A7A30B35EEF1}"/>
          </ac:spMkLst>
        </pc:spChg>
      </pc:sldChg>
      <pc:sldChg chg="addSp delSp modSp new mod ord">
        <pc:chgData name="Conese  Andrea" userId="a0d85db6-9ead-4a96-b900-2c948ab101d2" providerId="ADAL" clId="{B39853F4-F433-4855-8757-71FDCBDEDAFA}" dt="2023-10-28T09:37:15.817" v="3363" actId="123"/>
        <pc:sldMkLst>
          <pc:docMk/>
          <pc:sldMk cId="3264948608" sldId="263"/>
        </pc:sldMkLst>
        <pc:spChg chg="del">
          <ac:chgData name="Conese  Andrea" userId="a0d85db6-9ead-4a96-b900-2c948ab101d2" providerId="ADAL" clId="{B39853F4-F433-4855-8757-71FDCBDEDAFA}" dt="2023-10-28T08:53:27.992" v="2095" actId="478"/>
          <ac:spMkLst>
            <pc:docMk/>
            <pc:sldMk cId="3264948608" sldId="263"/>
            <ac:spMk id="2" creationId="{0F86D672-77AA-4E77-4C88-C7072AB55754}"/>
          </ac:spMkLst>
        </pc:spChg>
        <pc:spChg chg="del">
          <ac:chgData name="Conese  Andrea" userId="a0d85db6-9ead-4a96-b900-2c948ab101d2" providerId="ADAL" clId="{B39853F4-F433-4855-8757-71FDCBDEDAFA}" dt="2023-10-28T08:53:33.660" v="2097" actId="478"/>
          <ac:spMkLst>
            <pc:docMk/>
            <pc:sldMk cId="3264948608" sldId="263"/>
            <ac:spMk id="3" creationId="{DE14DFEC-C7DD-117E-E45F-03BEDAAFC9F9}"/>
          </ac:spMkLst>
        </pc:spChg>
        <pc:spChg chg="add mod">
          <ac:chgData name="Conese  Andrea" userId="a0d85db6-9ead-4a96-b900-2c948ab101d2" providerId="ADAL" clId="{B39853F4-F433-4855-8757-71FDCBDEDAFA}" dt="2023-10-28T08:53:41.551" v="2100" actId="1076"/>
          <ac:spMkLst>
            <pc:docMk/>
            <pc:sldMk cId="3264948608" sldId="263"/>
            <ac:spMk id="7" creationId="{8BAE6E80-8A9A-0184-3A3A-80795B162796}"/>
          </ac:spMkLst>
        </pc:spChg>
        <pc:spChg chg="add mod">
          <ac:chgData name="Conese  Andrea" userId="a0d85db6-9ead-4a96-b900-2c948ab101d2" providerId="ADAL" clId="{B39853F4-F433-4855-8757-71FDCBDEDAFA}" dt="2023-10-28T09:37:15.817" v="3363" actId="123"/>
          <ac:spMkLst>
            <pc:docMk/>
            <pc:sldMk cId="3264948608" sldId="263"/>
            <ac:spMk id="9" creationId="{019D78D3-9035-84B1-845F-E5D0613044A9}"/>
          </ac:spMkLst>
        </pc:spChg>
        <pc:picChg chg="add del mod">
          <ac:chgData name="Conese  Andrea" userId="a0d85db6-9ead-4a96-b900-2c948ab101d2" providerId="ADAL" clId="{B39853F4-F433-4855-8757-71FDCBDEDAFA}" dt="2023-10-28T08:54:40.524" v="2109" actId="21"/>
          <ac:picMkLst>
            <pc:docMk/>
            <pc:sldMk cId="3264948608" sldId="263"/>
            <ac:picMk id="8" creationId="{CF3ABE3A-2EF6-51B0-9135-C4C6A217329F}"/>
          </ac:picMkLst>
        </pc:picChg>
      </pc:sldChg>
      <pc:sldChg chg="new del ord">
        <pc:chgData name="Conese  Andrea" userId="a0d85db6-9ead-4a96-b900-2c948ab101d2" providerId="ADAL" clId="{B39853F4-F433-4855-8757-71FDCBDEDAFA}" dt="2023-10-28T08:34:58.883" v="1705" actId="47"/>
        <pc:sldMkLst>
          <pc:docMk/>
          <pc:sldMk cId="2484966704" sldId="264"/>
        </pc:sldMkLst>
      </pc:sldChg>
      <pc:sldChg chg="addSp delSp modSp new mod ord">
        <pc:chgData name="Conese  Andrea" userId="a0d85db6-9ead-4a96-b900-2c948ab101d2" providerId="ADAL" clId="{B39853F4-F433-4855-8757-71FDCBDEDAFA}" dt="2023-10-28T09:48:38.251" v="3376" actId="20577"/>
        <pc:sldMkLst>
          <pc:docMk/>
          <pc:sldMk cId="783382818" sldId="265"/>
        </pc:sldMkLst>
        <pc:spChg chg="del">
          <ac:chgData name="Conese  Andrea" userId="a0d85db6-9ead-4a96-b900-2c948ab101d2" providerId="ADAL" clId="{B39853F4-F433-4855-8757-71FDCBDEDAFA}" dt="2023-10-28T08:00:19.165" v="1259" actId="478"/>
          <ac:spMkLst>
            <pc:docMk/>
            <pc:sldMk cId="783382818" sldId="265"/>
            <ac:spMk id="2" creationId="{EC5969AC-F332-CC2C-5F0D-15FCE1CACADF}"/>
          </ac:spMkLst>
        </pc:spChg>
        <pc:spChg chg="del">
          <ac:chgData name="Conese  Andrea" userId="a0d85db6-9ead-4a96-b900-2c948ab101d2" providerId="ADAL" clId="{B39853F4-F433-4855-8757-71FDCBDEDAFA}" dt="2023-10-28T08:00:22.243" v="1260" actId="478"/>
          <ac:spMkLst>
            <pc:docMk/>
            <pc:sldMk cId="783382818" sldId="265"/>
            <ac:spMk id="3" creationId="{835339FC-4C03-6571-5814-706CBE630EA1}"/>
          </ac:spMkLst>
        </pc:spChg>
        <pc:spChg chg="mod">
          <ac:chgData name="Conese  Andrea" userId="a0d85db6-9ead-4a96-b900-2c948ab101d2" providerId="ADAL" clId="{B39853F4-F433-4855-8757-71FDCBDEDAFA}" dt="2023-10-28T09:48:38.251" v="3376" actId="20577"/>
          <ac:spMkLst>
            <pc:docMk/>
            <pc:sldMk cId="783382818" sldId="265"/>
            <ac:spMk id="4" creationId="{0CA32D5F-7F0E-039B-CFB3-004AD5FC0068}"/>
          </ac:spMkLst>
        </pc:spChg>
        <pc:spChg chg="add del mod">
          <ac:chgData name="Conese  Andrea" userId="a0d85db6-9ead-4a96-b900-2c948ab101d2" providerId="ADAL" clId="{B39853F4-F433-4855-8757-71FDCBDEDAFA}" dt="2023-10-28T08:36:19.759" v="1712"/>
          <ac:spMkLst>
            <pc:docMk/>
            <pc:sldMk cId="783382818" sldId="265"/>
            <ac:spMk id="9" creationId="{6FD6C25C-D1F2-C634-18F6-9FCD93B80F4C}"/>
          </ac:spMkLst>
        </pc:spChg>
        <pc:spChg chg="add del mod">
          <ac:chgData name="Conese  Andrea" userId="a0d85db6-9ead-4a96-b900-2c948ab101d2" providerId="ADAL" clId="{B39853F4-F433-4855-8757-71FDCBDEDAFA}" dt="2023-10-28T08:37:08.432" v="1733" actId="21"/>
          <ac:spMkLst>
            <pc:docMk/>
            <pc:sldMk cId="783382818" sldId="265"/>
            <ac:spMk id="10" creationId="{B146C661-293E-3524-D401-A4AE0692DBA6}"/>
          </ac:spMkLst>
        </pc:spChg>
        <pc:spChg chg="add del mod">
          <ac:chgData name="Conese  Andrea" userId="a0d85db6-9ead-4a96-b900-2c948ab101d2" providerId="ADAL" clId="{B39853F4-F433-4855-8757-71FDCBDEDAFA}" dt="2023-10-28T08:37:08.464" v="1735"/>
          <ac:spMkLst>
            <pc:docMk/>
            <pc:sldMk cId="783382818" sldId="265"/>
            <ac:spMk id="11" creationId="{FD97A154-BFC3-D426-E3EB-8ADBA78843E8}"/>
          </ac:spMkLst>
        </pc:spChg>
        <pc:spChg chg="add mod">
          <ac:chgData name="Conese  Andrea" userId="a0d85db6-9ead-4a96-b900-2c948ab101d2" providerId="ADAL" clId="{B39853F4-F433-4855-8757-71FDCBDEDAFA}" dt="2023-10-28T08:56:52.230" v="2247" actId="20577"/>
          <ac:spMkLst>
            <pc:docMk/>
            <pc:sldMk cId="783382818" sldId="265"/>
            <ac:spMk id="12" creationId="{BF2001BB-49A0-87F9-26B1-894A941A9A53}"/>
          </ac:spMkLst>
        </pc:spChg>
        <pc:spChg chg="add del mod">
          <ac:chgData name="Conese  Andrea" userId="a0d85db6-9ead-4a96-b900-2c948ab101d2" providerId="ADAL" clId="{B39853F4-F433-4855-8757-71FDCBDEDAFA}" dt="2023-10-28T08:37:22.633" v="1743" actId="478"/>
          <ac:spMkLst>
            <pc:docMk/>
            <pc:sldMk cId="783382818" sldId="265"/>
            <ac:spMk id="13" creationId="{FEAAACBF-4822-821A-AF3F-89AC934750D1}"/>
          </ac:spMkLst>
        </pc:spChg>
        <pc:spChg chg="add mod">
          <ac:chgData name="Conese  Andrea" userId="a0d85db6-9ead-4a96-b900-2c948ab101d2" providerId="ADAL" clId="{B39853F4-F433-4855-8757-71FDCBDEDAFA}" dt="2023-10-28T08:57:05.095" v="2260" actId="20577"/>
          <ac:spMkLst>
            <pc:docMk/>
            <pc:sldMk cId="783382818" sldId="265"/>
            <ac:spMk id="18" creationId="{AF23A5F5-739D-ED88-423E-3380353C4B71}"/>
          </ac:spMkLst>
        </pc:spChg>
        <pc:spChg chg="add mod">
          <ac:chgData name="Conese  Andrea" userId="a0d85db6-9ead-4a96-b900-2c948ab101d2" providerId="ADAL" clId="{B39853F4-F433-4855-8757-71FDCBDEDAFA}" dt="2023-10-28T08:49:34.415" v="2090" actId="1582"/>
          <ac:spMkLst>
            <pc:docMk/>
            <pc:sldMk cId="783382818" sldId="265"/>
            <ac:spMk id="20" creationId="{2E0AACCC-ECB7-894A-6DC9-A0B5B9A578D4}"/>
          </ac:spMkLst>
        </pc:spChg>
        <pc:picChg chg="add mod">
          <ac:chgData name="Conese  Andrea" userId="a0d85db6-9ead-4a96-b900-2c948ab101d2" providerId="ADAL" clId="{B39853F4-F433-4855-8757-71FDCBDEDAFA}" dt="2023-10-28T08:35:46.858" v="1706" actId="1076"/>
          <ac:picMkLst>
            <pc:docMk/>
            <pc:sldMk cId="783382818" sldId="265"/>
            <ac:picMk id="6" creationId="{99D425B3-75B3-246C-8203-101AD2F9C64B}"/>
          </ac:picMkLst>
        </pc:picChg>
        <pc:picChg chg="add del mod">
          <ac:chgData name="Conese  Andrea" userId="a0d85db6-9ead-4a96-b900-2c948ab101d2" providerId="ADAL" clId="{B39853F4-F433-4855-8757-71FDCBDEDAFA}" dt="2023-10-28T08:00:57.447" v="1267" actId="21"/>
          <ac:picMkLst>
            <pc:docMk/>
            <pc:sldMk cId="783382818" sldId="265"/>
            <ac:picMk id="7" creationId="{B43A4238-58EB-9491-C769-9B03ED0D677A}"/>
          </ac:picMkLst>
        </pc:picChg>
        <pc:picChg chg="add mod">
          <ac:chgData name="Conese  Andrea" userId="a0d85db6-9ead-4a96-b900-2c948ab101d2" providerId="ADAL" clId="{B39853F4-F433-4855-8757-71FDCBDEDAFA}" dt="2023-10-28T08:35:50.243" v="1707" actId="1076"/>
          <ac:picMkLst>
            <pc:docMk/>
            <pc:sldMk cId="783382818" sldId="265"/>
            <ac:picMk id="8" creationId="{6907BE8E-3435-2789-94CA-72BC32FB0710}"/>
          </ac:picMkLst>
        </pc:picChg>
        <pc:cxnChg chg="add del mod">
          <ac:chgData name="Conese  Andrea" userId="a0d85db6-9ead-4a96-b900-2c948ab101d2" providerId="ADAL" clId="{B39853F4-F433-4855-8757-71FDCBDEDAFA}" dt="2023-10-28T08:46:47.135" v="1975" actId="11529"/>
          <ac:cxnSpMkLst>
            <pc:docMk/>
            <pc:sldMk cId="783382818" sldId="265"/>
            <ac:cxnSpMk id="15" creationId="{3D43ED8D-376A-4661-3E0C-A90884AA5CC9}"/>
          </ac:cxnSpMkLst>
        </pc:cxnChg>
        <pc:cxnChg chg="add del mod">
          <ac:chgData name="Conese  Andrea" userId="a0d85db6-9ead-4a96-b900-2c948ab101d2" providerId="ADAL" clId="{B39853F4-F433-4855-8757-71FDCBDEDAFA}" dt="2023-10-28T08:48:48.010" v="2083" actId="478"/>
          <ac:cxnSpMkLst>
            <pc:docMk/>
            <pc:sldMk cId="783382818" sldId="265"/>
            <ac:cxnSpMk id="17" creationId="{24C4CC53-7262-0ED7-7A27-8E06D8C3728C}"/>
          </ac:cxnSpMkLst>
        </pc:cxnChg>
      </pc:sldChg>
      <pc:sldChg chg="addSp delSp modSp new mod">
        <pc:chgData name="Conese  Andrea" userId="a0d85db6-9ead-4a96-b900-2c948ab101d2" providerId="ADAL" clId="{B39853F4-F433-4855-8757-71FDCBDEDAFA}" dt="2023-10-28T09:48:59.640" v="3386" actId="20577"/>
        <pc:sldMkLst>
          <pc:docMk/>
          <pc:sldMk cId="1391176222" sldId="266"/>
        </pc:sldMkLst>
        <pc:spChg chg="del">
          <ac:chgData name="Conese  Andrea" userId="a0d85db6-9ead-4a96-b900-2c948ab101d2" providerId="ADAL" clId="{B39853F4-F433-4855-8757-71FDCBDEDAFA}" dt="2023-10-28T08:12:56.747" v="1307" actId="478"/>
          <ac:spMkLst>
            <pc:docMk/>
            <pc:sldMk cId="1391176222" sldId="266"/>
            <ac:spMk id="2" creationId="{372380F4-AA4D-7D88-ACD4-515ACF02E43D}"/>
          </ac:spMkLst>
        </pc:spChg>
        <pc:spChg chg="del">
          <ac:chgData name="Conese  Andrea" userId="a0d85db6-9ead-4a96-b900-2c948ab101d2" providerId="ADAL" clId="{B39853F4-F433-4855-8757-71FDCBDEDAFA}" dt="2023-10-28T08:13:00.029" v="1308" actId="478"/>
          <ac:spMkLst>
            <pc:docMk/>
            <pc:sldMk cId="1391176222" sldId="266"/>
            <ac:spMk id="3" creationId="{2BBBF627-532F-0D8B-7979-0B1E7366FF67}"/>
          </ac:spMkLst>
        </pc:spChg>
        <pc:spChg chg="mod">
          <ac:chgData name="Conese  Andrea" userId="a0d85db6-9ead-4a96-b900-2c948ab101d2" providerId="ADAL" clId="{B39853F4-F433-4855-8757-71FDCBDEDAFA}" dt="2023-10-28T09:48:59.640" v="3386" actId="20577"/>
          <ac:spMkLst>
            <pc:docMk/>
            <pc:sldMk cId="1391176222" sldId="266"/>
            <ac:spMk id="4" creationId="{2C231135-B09B-FBCA-D247-783D73B145BA}"/>
          </ac:spMkLst>
        </pc:spChg>
        <pc:spChg chg="add mod">
          <ac:chgData name="Conese  Andrea" userId="a0d85db6-9ead-4a96-b900-2c948ab101d2" providerId="ADAL" clId="{B39853F4-F433-4855-8757-71FDCBDEDAFA}" dt="2023-10-28T08:14:56.618" v="1322" actId="2711"/>
          <ac:spMkLst>
            <pc:docMk/>
            <pc:sldMk cId="1391176222" sldId="266"/>
            <ac:spMk id="6" creationId="{2D85EEB7-F41E-1DB1-2310-8F83B11957C6}"/>
          </ac:spMkLst>
        </pc:spChg>
      </pc:sldChg>
      <pc:sldChg chg="addSp delSp modSp new mod">
        <pc:chgData name="Conese  Andrea" userId="a0d85db6-9ead-4a96-b900-2c948ab101d2" providerId="ADAL" clId="{B39853F4-F433-4855-8757-71FDCBDEDAFA}" dt="2023-10-28T09:49:03.812" v="3390" actId="20577"/>
        <pc:sldMkLst>
          <pc:docMk/>
          <pc:sldMk cId="85080573" sldId="267"/>
        </pc:sldMkLst>
        <pc:spChg chg="del">
          <ac:chgData name="Conese  Andrea" userId="a0d85db6-9ead-4a96-b900-2c948ab101d2" providerId="ADAL" clId="{B39853F4-F433-4855-8757-71FDCBDEDAFA}" dt="2023-10-28T08:15:56.432" v="1329" actId="478"/>
          <ac:spMkLst>
            <pc:docMk/>
            <pc:sldMk cId="85080573" sldId="267"/>
            <ac:spMk id="2" creationId="{676411C6-D121-9C99-26B7-C5353A63D07C}"/>
          </ac:spMkLst>
        </pc:spChg>
        <pc:spChg chg="del">
          <ac:chgData name="Conese  Andrea" userId="a0d85db6-9ead-4a96-b900-2c948ab101d2" providerId="ADAL" clId="{B39853F4-F433-4855-8757-71FDCBDEDAFA}" dt="2023-10-28T08:15:58.308" v="1330" actId="478"/>
          <ac:spMkLst>
            <pc:docMk/>
            <pc:sldMk cId="85080573" sldId="267"/>
            <ac:spMk id="3" creationId="{22C0E579-BE36-8CB2-2F79-4F9CC57234B4}"/>
          </ac:spMkLst>
        </pc:spChg>
        <pc:spChg chg="mod">
          <ac:chgData name="Conese  Andrea" userId="a0d85db6-9ead-4a96-b900-2c948ab101d2" providerId="ADAL" clId="{B39853F4-F433-4855-8757-71FDCBDEDAFA}" dt="2023-10-28T09:49:03.812" v="3390" actId="20577"/>
          <ac:spMkLst>
            <pc:docMk/>
            <pc:sldMk cId="85080573" sldId="267"/>
            <ac:spMk id="4" creationId="{6109446B-CD88-76C9-5834-5005064D3ECC}"/>
          </ac:spMkLst>
        </pc:spChg>
        <pc:spChg chg="add mod">
          <ac:chgData name="Conese  Andrea" userId="a0d85db6-9ead-4a96-b900-2c948ab101d2" providerId="ADAL" clId="{B39853F4-F433-4855-8757-71FDCBDEDAFA}" dt="2023-10-28T08:23:25.067" v="1386" actId="1076"/>
          <ac:spMkLst>
            <pc:docMk/>
            <pc:sldMk cId="85080573" sldId="267"/>
            <ac:spMk id="6" creationId="{1A165A1E-7AD0-C188-F84E-6C7E84A860C4}"/>
          </ac:spMkLst>
        </pc:spChg>
      </pc:sldChg>
      <pc:sldChg chg="addSp delSp modSp new mod">
        <pc:chgData name="Conese  Andrea" userId="a0d85db6-9ead-4a96-b900-2c948ab101d2" providerId="ADAL" clId="{B39853F4-F433-4855-8757-71FDCBDEDAFA}" dt="2023-10-28T09:49:59.653" v="3400" actId="1076"/>
        <pc:sldMkLst>
          <pc:docMk/>
          <pc:sldMk cId="622075395" sldId="268"/>
        </pc:sldMkLst>
        <pc:spChg chg="del">
          <ac:chgData name="Conese  Andrea" userId="a0d85db6-9ead-4a96-b900-2c948ab101d2" providerId="ADAL" clId="{B39853F4-F433-4855-8757-71FDCBDEDAFA}" dt="2023-10-28T08:16:42.333" v="1335" actId="478"/>
          <ac:spMkLst>
            <pc:docMk/>
            <pc:sldMk cId="622075395" sldId="268"/>
            <ac:spMk id="2" creationId="{CEA38C3A-287D-9DB2-A3C0-6982FFB27746}"/>
          </ac:spMkLst>
        </pc:spChg>
        <pc:spChg chg="del">
          <ac:chgData name="Conese  Andrea" userId="a0d85db6-9ead-4a96-b900-2c948ab101d2" providerId="ADAL" clId="{B39853F4-F433-4855-8757-71FDCBDEDAFA}" dt="2023-10-28T08:16:45.842" v="1336" actId="478"/>
          <ac:spMkLst>
            <pc:docMk/>
            <pc:sldMk cId="622075395" sldId="268"/>
            <ac:spMk id="3" creationId="{1102F77D-0E72-5FE8-B915-295943FDCD6A}"/>
          </ac:spMkLst>
        </pc:spChg>
        <pc:spChg chg="mod">
          <ac:chgData name="Conese  Andrea" userId="a0d85db6-9ead-4a96-b900-2c948ab101d2" providerId="ADAL" clId="{B39853F4-F433-4855-8757-71FDCBDEDAFA}" dt="2023-10-28T09:49:31.675" v="3395" actId="20577"/>
          <ac:spMkLst>
            <pc:docMk/>
            <pc:sldMk cId="622075395" sldId="268"/>
            <ac:spMk id="4" creationId="{DD1A60FB-4704-5384-385B-C9B719E0F354}"/>
          </ac:spMkLst>
        </pc:spChg>
        <pc:spChg chg="add mod">
          <ac:chgData name="Conese  Andrea" userId="a0d85db6-9ead-4a96-b900-2c948ab101d2" providerId="ADAL" clId="{B39853F4-F433-4855-8757-71FDCBDEDAFA}" dt="2023-10-28T09:49:59.653" v="3400" actId="1076"/>
          <ac:spMkLst>
            <pc:docMk/>
            <pc:sldMk cId="622075395" sldId="268"/>
            <ac:spMk id="6" creationId="{67425BB0-71F1-7039-0455-8BFF69C85889}"/>
          </ac:spMkLst>
        </pc:spChg>
      </pc:sldChg>
      <pc:sldChg chg="addSp delSp modSp new mod">
        <pc:chgData name="Conese  Andrea" userId="a0d85db6-9ead-4a96-b900-2c948ab101d2" providerId="ADAL" clId="{B39853F4-F433-4855-8757-71FDCBDEDAFA}" dt="2023-10-28T08:22:56.208" v="1384" actId="2711"/>
        <pc:sldMkLst>
          <pc:docMk/>
          <pc:sldMk cId="2765223415" sldId="269"/>
        </pc:sldMkLst>
        <pc:spChg chg="del">
          <ac:chgData name="Conese  Andrea" userId="a0d85db6-9ead-4a96-b900-2c948ab101d2" providerId="ADAL" clId="{B39853F4-F433-4855-8757-71FDCBDEDAFA}" dt="2023-10-28T08:19:44.244" v="1353" actId="478"/>
          <ac:spMkLst>
            <pc:docMk/>
            <pc:sldMk cId="2765223415" sldId="269"/>
            <ac:spMk id="2" creationId="{F891C601-1001-7746-1419-DACD5A32EA8D}"/>
          </ac:spMkLst>
        </pc:spChg>
        <pc:spChg chg="del">
          <ac:chgData name="Conese  Andrea" userId="a0d85db6-9ead-4a96-b900-2c948ab101d2" providerId="ADAL" clId="{B39853F4-F433-4855-8757-71FDCBDEDAFA}" dt="2023-10-28T08:19:45.734" v="1354" actId="478"/>
          <ac:spMkLst>
            <pc:docMk/>
            <pc:sldMk cId="2765223415" sldId="269"/>
            <ac:spMk id="3" creationId="{987559F3-AD77-E27B-5233-52E84AFAF85D}"/>
          </ac:spMkLst>
        </pc:spChg>
        <pc:spChg chg="add mod">
          <ac:chgData name="Conese  Andrea" userId="a0d85db6-9ead-4a96-b900-2c948ab101d2" providerId="ADAL" clId="{B39853F4-F433-4855-8757-71FDCBDEDAFA}" dt="2023-10-28T08:22:56.208" v="1384" actId="2711"/>
          <ac:spMkLst>
            <pc:docMk/>
            <pc:sldMk cId="2765223415" sldId="269"/>
            <ac:spMk id="6" creationId="{A2200A5B-FFF1-0595-197D-E5C29E24AF6B}"/>
          </ac:spMkLst>
        </pc:spChg>
      </pc:sldChg>
      <pc:sldChg chg="new del">
        <pc:chgData name="Conese  Andrea" userId="a0d85db6-9ead-4a96-b900-2c948ab101d2" providerId="ADAL" clId="{B39853F4-F433-4855-8757-71FDCBDEDAFA}" dt="2023-10-28T08:23:34.908" v="1387" actId="47"/>
        <pc:sldMkLst>
          <pc:docMk/>
          <pc:sldMk cId="1564971309" sldId="270"/>
        </pc:sldMkLst>
      </pc:sldChg>
      <pc:sldChg chg="addSp delSp modSp new mod">
        <pc:chgData name="Conese  Andrea" userId="a0d85db6-9ead-4a96-b900-2c948ab101d2" providerId="ADAL" clId="{B39853F4-F433-4855-8757-71FDCBDEDAFA}" dt="2023-10-28T09:37:50.411" v="3364" actId="1076"/>
        <pc:sldMkLst>
          <pc:docMk/>
          <pc:sldMk cId="4255235546" sldId="270"/>
        </pc:sldMkLst>
        <pc:spChg chg="del">
          <ac:chgData name="Conese  Andrea" userId="a0d85db6-9ead-4a96-b900-2c948ab101d2" providerId="ADAL" clId="{B39853F4-F433-4855-8757-71FDCBDEDAFA}" dt="2023-10-28T08:54:43.723" v="2110" actId="478"/>
          <ac:spMkLst>
            <pc:docMk/>
            <pc:sldMk cId="4255235546" sldId="270"/>
            <ac:spMk id="2" creationId="{4E558B92-53B2-AB8D-3248-591C1611D321}"/>
          </ac:spMkLst>
        </pc:spChg>
        <pc:spChg chg="del">
          <ac:chgData name="Conese  Andrea" userId="a0d85db6-9ead-4a96-b900-2c948ab101d2" providerId="ADAL" clId="{B39853F4-F433-4855-8757-71FDCBDEDAFA}" dt="2023-10-28T08:54:45.939" v="2111" actId="478"/>
          <ac:spMkLst>
            <pc:docMk/>
            <pc:sldMk cId="4255235546" sldId="270"/>
            <ac:spMk id="3" creationId="{C18CE4FE-B984-7B6F-51E9-014B1AE638B8}"/>
          </ac:spMkLst>
        </pc:spChg>
        <pc:spChg chg="add mod">
          <ac:chgData name="Conese  Andrea" userId="a0d85db6-9ead-4a96-b900-2c948ab101d2" providerId="ADAL" clId="{B39853F4-F433-4855-8757-71FDCBDEDAFA}" dt="2023-10-28T09:37:50.411" v="3364" actId="1076"/>
          <ac:spMkLst>
            <pc:docMk/>
            <pc:sldMk cId="4255235546" sldId="270"/>
            <ac:spMk id="7" creationId="{F7DB6341-F4A0-0B1C-68E4-DC0901FBCB9A}"/>
          </ac:spMkLst>
        </pc:spChg>
        <pc:picChg chg="add mod">
          <ac:chgData name="Conese  Andrea" userId="a0d85db6-9ead-4a96-b900-2c948ab101d2" providerId="ADAL" clId="{B39853F4-F433-4855-8757-71FDCBDEDAFA}" dt="2023-10-28T09:29:06.196" v="3263" actId="1076"/>
          <ac:picMkLst>
            <pc:docMk/>
            <pc:sldMk cId="4255235546" sldId="270"/>
            <ac:picMk id="6" creationId="{E2B391BC-359F-D6EC-FDBF-659553E46181}"/>
          </ac:picMkLst>
        </pc:picChg>
      </pc:sldChg>
      <pc:sldMasterChg chg="addSp delSp modSp mod setBg addSldLayout delSldLayout modSldLayout">
        <pc:chgData name="Conese  Andrea" userId="a0d85db6-9ead-4a96-b900-2c948ab101d2" providerId="ADAL" clId="{B39853F4-F433-4855-8757-71FDCBDEDAFA}" dt="2023-10-28T09:48:15.578" v="3372" actId="11236"/>
        <pc:sldMasterMkLst>
          <pc:docMk/>
          <pc:sldMasterMk cId="3159658622" sldId="2147483648"/>
        </pc:sldMasterMkLst>
        <pc:spChg chg="mod">
          <ac:chgData name="Conese  Andrea" userId="a0d85db6-9ead-4a96-b900-2c948ab101d2" providerId="ADAL" clId="{B39853F4-F433-4855-8757-71FDCBDEDAFA}" dt="2023-10-27T11:47:38.165" v="1036" actId="20577"/>
          <ac:spMkLst>
            <pc:docMk/>
            <pc:sldMasterMk cId="3159658622" sldId="2147483648"/>
            <ac:spMk id="4" creationId="{9AB44FA6-A0F7-BE38-D5EF-58AA26D065AB}"/>
          </ac:spMkLst>
        </pc:spChg>
        <pc:spChg chg="del">
          <ac:chgData name="Conese  Andrea" userId="a0d85db6-9ead-4a96-b900-2c948ab101d2" providerId="ADAL" clId="{B39853F4-F433-4855-8757-71FDCBDEDAFA}" dt="2023-10-27T11:23:46.758" v="18" actId="478"/>
          <ac:spMkLst>
            <pc:docMk/>
            <pc:sldMasterMk cId="3159658622" sldId="2147483648"/>
            <ac:spMk id="6" creationId="{BC975771-A2E9-C11B-D441-3F4D682E352A}"/>
          </ac:spMkLst>
        </pc:spChg>
        <pc:spChg chg="add del mod">
          <ac:chgData name="Conese  Andrea" userId="a0d85db6-9ead-4a96-b900-2c948ab101d2" providerId="ADAL" clId="{B39853F4-F433-4855-8757-71FDCBDEDAFA}" dt="2023-10-27T11:24:50.979" v="26" actId="21"/>
          <ac:spMkLst>
            <pc:docMk/>
            <pc:sldMasterMk cId="3159658622" sldId="2147483648"/>
            <ac:spMk id="8" creationId="{FF838751-D11E-F1A7-87C3-1CE0D37D9113}"/>
          </ac:spMkLst>
        </pc:spChg>
        <pc:picChg chg="add del mod">
          <ac:chgData name="Conese  Andrea" userId="a0d85db6-9ead-4a96-b900-2c948ab101d2" providerId="ADAL" clId="{B39853F4-F433-4855-8757-71FDCBDEDAFA}" dt="2023-10-27T11:28:33.631" v="32" actId="21"/>
          <ac:picMkLst>
            <pc:docMk/>
            <pc:sldMasterMk cId="3159658622" sldId="2147483648"/>
            <ac:picMk id="7" creationId="{48CF539B-AEA0-9DD4-96CA-01B2661A6BBE}"/>
          </ac:picMkLst>
        </pc:picChg>
        <pc:sldLayoutChg chg="delSp modSp mod setBg">
          <pc:chgData name="Conese  Andrea" userId="a0d85db6-9ead-4a96-b900-2c948ab101d2" providerId="ADAL" clId="{B39853F4-F433-4855-8757-71FDCBDEDAFA}" dt="2023-10-28T09:47:36.059" v="3366" actId="20577"/>
          <pc:sldLayoutMkLst>
            <pc:docMk/>
            <pc:sldMasterMk cId="3159658622" sldId="2147483648"/>
            <pc:sldLayoutMk cId="3710168546" sldId="2147483649"/>
          </pc:sldLayoutMkLst>
          <pc:spChg chg="mod">
            <ac:chgData name="Conese  Andrea" userId="a0d85db6-9ead-4a96-b900-2c948ab101d2" providerId="ADAL" clId="{B39853F4-F433-4855-8757-71FDCBDEDAFA}" dt="2023-10-28T09:47:36.059" v="3366" actId="20577"/>
            <ac:spMkLst>
              <pc:docMk/>
              <pc:sldMasterMk cId="3159658622" sldId="2147483648"/>
              <pc:sldLayoutMk cId="3710168546" sldId="2147483649"/>
              <ac:spMk id="4" creationId="{8F40AD87-E87F-E846-8A37-1E602440DD04}"/>
            </ac:spMkLst>
          </pc:spChg>
          <pc:spChg chg="mod">
            <ac:chgData name="Conese  Andrea" userId="a0d85db6-9ead-4a96-b900-2c948ab101d2" providerId="ADAL" clId="{B39853F4-F433-4855-8757-71FDCBDEDAFA}" dt="2023-10-27T11:25:14.441" v="27" actId="20577"/>
            <ac:spMkLst>
              <pc:docMk/>
              <pc:sldMasterMk cId="3159658622" sldId="2147483648"/>
              <pc:sldLayoutMk cId="3710168546" sldId="2147483649"/>
              <ac:spMk id="5" creationId="{01318637-0945-5298-2EB1-2FB5BF3B2E72}"/>
            </ac:spMkLst>
          </pc:spChg>
          <pc:spChg chg="del">
            <ac:chgData name="Conese  Andrea" userId="a0d85db6-9ead-4a96-b900-2c948ab101d2" providerId="ADAL" clId="{B39853F4-F433-4855-8757-71FDCBDEDAFA}" dt="2023-10-27T11:22:41.701" v="14" actId="21"/>
            <ac:spMkLst>
              <pc:docMk/>
              <pc:sldMasterMk cId="3159658622" sldId="2147483648"/>
              <pc:sldLayoutMk cId="3710168546" sldId="2147483649"/>
              <ac:spMk id="6" creationId="{C71E3F36-21C6-F846-A0DB-A5E13BED1F40}"/>
            </ac:spMkLst>
          </pc:spChg>
        </pc:sldLayoutChg>
        <pc:sldLayoutChg chg="setBg">
          <pc:chgData name="Conese  Andrea" userId="a0d85db6-9ead-4a96-b900-2c948ab101d2" providerId="ADAL" clId="{B39853F4-F433-4855-8757-71FDCBDEDAFA}" dt="2023-10-27T11:51:28.884" v="1055"/>
          <pc:sldLayoutMkLst>
            <pc:docMk/>
            <pc:sldMasterMk cId="3159658622" sldId="2147483648"/>
            <pc:sldLayoutMk cId="2518561031" sldId="2147483650"/>
          </pc:sldLayoutMkLst>
        </pc:sldLayoutChg>
        <pc:sldLayoutChg chg="setBg">
          <pc:chgData name="Conese  Andrea" userId="a0d85db6-9ead-4a96-b900-2c948ab101d2" providerId="ADAL" clId="{B39853F4-F433-4855-8757-71FDCBDEDAFA}" dt="2023-10-27T11:51:28.884" v="1055"/>
          <pc:sldLayoutMkLst>
            <pc:docMk/>
            <pc:sldMasterMk cId="3159658622" sldId="2147483648"/>
            <pc:sldLayoutMk cId="3178104336" sldId="2147483651"/>
          </pc:sldLayoutMkLst>
        </pc:sldLayoutChg>
        <pc:sldLayoutChg chg="setBg">
          <pc:chgData name="Conese  Andrea" userId="a0d85db6-9ead-4a96-b900-2c948ab101d2" providerId="ADAL" clId="{B39853F4-F433-4855-8757-71FDCBDEDAFA}" dt="2023-10-27T11:51:28.884" v="1055"/>
          <pc:sldLayoutMkLst>
            <pc:docMk/>
            <pc:sldMasterMk cId="3159658622" sldId="2147483648"/>
            <pc:sldLayoutMk cId="3532304114" sldId="2147483652"/>
          </pc:sldLayoutMkLst>
        </pc:sldLayoutChg>
        <pc:sldLayoutChg chg="setBg">
          <pc:chgData name="Conese  Andrea" userId="a0d85db6-9ead-4a96-b900-2c948ab101d2" providerId="ADAL" clId="{B39853F4-F433-4855-8757-71FDCBDEDAFA}" dt="2023-10-27T11:51:28.884" v="1055"/>
          <pc:sldLayoutMkLst>
            <pc:docMk/>
            <pc:sldMasterMk cId="3159658622" sldId="2147483648"/>
            <pc:sldLayoutMk cId="50564068" sldId="2147483653"/>
          </pc:sldLayoutMkLst>
        </pc:sldLayoutChg>
        <pc:sldLayoutChg chg="setBg">
          <pc:chgData name="Conese  Andrea" userId="a0d85db6-9ead-4a96-b900-2c948ab101d2" providerId="ADAL" clId="{B39853F4-F433-4855-8757-71FDCBDEDAFA}" dt="2023-10-27T11:51:28.884" v="1055"/>
          <pc:sldLayoutMkLst>
            <pc:docMk/>
            <pc:sldMasterMk cId="3159658622" sldId="2147483648"/>
            <pc:sldLayoutMk cId="2523044269" sldId="2147483654"/>
          </pc:sldLayoutMkLst>
        </pc:sldLayoutChg>
        <pc:sldLayoutChg chg="setBg">
          <pc:chgData name="Conese  Andrea" userId="a0d85db6-9ead-4a96-b900-2c948ab101d2" providerId="ADAL" clId="{B39853F4-F433-4855-8757-71FDCBDEDAFA}" dt="2023-10-27T11:51:28.884" v="1055"/>
          <pc:sldLayoutMkLst>
            <pc:docMk/>
            <pc:sldMasterMk cId="3159658622" sldId="2147483648"/>
            <pc:sldLayoutMk cId="3828511172" sldId="2147483655"/>
          </pc:sldLayoutMkLst>
        </pc:sldLayoutChg>
        <pc:sldLayoutChg chg="setBg">
          <pc:chgData name="Conese  Andrea" userId="a0d85db6-9ead-4a96-b900-2c948ab101d2" providerId="ADAL" clId="{B39853F4-F433-4855-8757-71FDCBDEDAFA}" dt="2023-10-27T11:51:28.884" v="1055"/>
          <pc:sldLayoutMkLst>
            <pc:docMk/>
            <pc:sldMasterMk cId="3159658622" sldId="2147483648"/>
            <pc:sldLayoutMk cId="1152041040" sldId="2147483656"/>
          </pc:sldLayoutMkLst>
        </pc:sldLayoutChg>
        <pc:sldLayoutChg chg="setBg">
          <pc:chgData name="Conese  Andrea" userId="a0d85db6-9ead-4a96-b900-2c948ab101d2" providerId="ADAL" clId="{B39853F4-F433-4855-8757-71FDCBDEDAFA}" dt="2023-10-27T11:51:28.884" v="1055"/>
          <pc:sldLayoutMkLst>
            <pc:docMk/>
            <pc:sldMasterMk cId="3159658622" sldId="2147483648"/>
            <pc:sldLayoutMk cId="3449273526" sldId="2147483657"/>
          </pc:sldLayoutMkLst>
        </pc:sldLayoutChg>
        <pc:sldLayoutChg chg="setBg">
          <pc:chgData name="Conese  Andrea" userId="a0d85db6-9ead-4a96-b900-2c948ab101d2" providerId="ADAL" clId="{B39853F4-F433-4855-8757-71FDCBDEDAFA}" dt="2023-10-27T11:51:28.884" v="1055"/>
          <pc:sldLayoutMkLst>
            <pc:docMk/>
            <pc:sldMasterMk cId="3159658622" sldId="2147483648"/>
            <pc:sldLayoutMk cId="1156976296" sldId="2147483658"/>
          </pc:sldLayoutMkLst>
        </pc:sldLayoutChg>
        <pc:sldLayoutChg chg="setBg">
          <pc:chgData name="Conese  Andrea" userId="a0d85db6-9ead-4a96-b900-2c948ab101d2" providerId="ADAL" clId="{B39853F4-F433-4855-8757-71FDCBDEDAFA}" dt="2023-10-27T11:51:28.884" v="1055"/>
          <pc:sldLayoutMkLst>
            <pc:docMk/>
            <pc:sldMasterMk cId="3159658622" sldId="2147483648"/>
            <pc:sldLayoutMk cId="2286511669" sldId="2147483659"/>
          </pc:sldLayoutMkLst>
        </pc:sldLayoutChg>
        <pc:sldLayoutChg chg="addSp delSp modSp new mod setBg">
          <pc:chgData name="Conese  Andrea" userId="a0d85db6-9ead-4a96-b900-2c948ab101d2" providerId="ADAL" clId="{B39853F4-F433-4855-8757-71FDCBDEDAFA}" dt="2023-10-27T11:51:28.884" v="1055"/>
          <pc:sldLayoutMkLst>
            <pc:docMk/>
            <pc:sldMasterMk cId="3159658622" sldId="2147483648"/>
            <pc:sldLayoutMk cId="3642279664" sldId="2147483660"/>
          </pc:sldLayoutMkLst>
          <pc:picChg chg="add del mod modCrop">
            <ac:chgData name="Conese  Andrea" userId="a0d85db6-9ead-4a96-b900-2c948ab101d2" providerId="ADAL" clId="{B39853F4-F433-4855-8757-71FDCBDEDAFA}" dt="2023-10-27T11:22:08.223" v="12" actId="21"/>
            <ac:picMkLst>
              <pc:docMk/>
              <pc:sldMasterMk cId="3159658622" sldId="2147483648"/>
              <pc:sldLayoutMk cId="3642279664" sldId="2147483660"/>
              <ac:picMk id="7" creationId="{507A20F9-599D-034C-40A7-48077F44EFC4}"/>
            </ac:picMkLst>
          </pc:picChg>
        </pc:sldLayoutChg>
        <pc:sldLayoutChg chg="new del mod">
          <pc:chgData name="Conese  Andrea" userId="a0d85db6-9ead-4a96-b900-2c948ab101d2" providerId="ADAL" clId="{B39853F4-F433-4855-8757-71FDCBDEDAFA}" dt="2023-10-27T11:21:10.342" v="11" actId="2696"/>
          <pc:sldLayoutMkLst>
            <pc:docMk/>
            <pc:sldMasterMk cId="3159658622" sldId="2147483648"/>
            <pc:sldLayoutMk cId="1729893367" sldId="2147483661"/>
          </pc:sldLayoutMkLst>
        </pc:sldLayoutChg>
        <pc:sldLayoutChg chg="new del mod">
          <pc:chgData name="Conese  Andrea" userId="a0d85db6-9ead-4a96-b900-2c948ab101d2" providerId="ADAL" clId="{B39853F4-F433-4855-8757-71FDCBDEDAFA}" dt="2023-10-27T11:27:37.224" v="29" actId="11236"/>
          <pc:sldLayoutMkLst>
            <pc:docMk/>
            <pc:sldMasterMk cId="3159658622" sldId="2147483648"/>
            <pc:sldLayoutMk cId="3473334206" sldId="2147483661"/>
          </pc:sldLayoutMkLst>
        </pc:sldLayoutChg>
        <pc:sldLayoutChg chg="new del mod replId">
          <pc:chgData name="Conese  Andrea" userId="a0d85db6-9ead-4a96-b900-2c948ab101d2" providerId="ADAL" clId="{B39853F4-F433-4855-8757-71FDCBDEDAFA}" dt="2023-10-28T09:48:15.578" v="3372" actId="11236"/>
          <pc:sldLayoutMkLst>
            <pc:docMk/>
            <pc:sldMasterMk cId="3159658622" sldId="2147483648"/>
            <pc:sldLayoutMk cId="2208033475" sldId="2147483673"/>
          </pc:sldLayoutMkLst>
        </pc:sldLayoutChg>
      </pc:sldMasterChg>
      <pc:sldMasterChg chg="addSp delSp modSp new mod setBg addSldLayout modSldLayout">
        <pc:chgData name="Conese  Andrea" userId="a0d85db6-9ead-4a96-b900-2c948ab101d2" providerId="ADAL" clId="{B39853F4-F433-4855-8757-71FDCBDEDAFA}" dt="2023-10-28T09:47:56.526" v="3370" actId="20577"/>
        <pc:sldMasterMkLst>
          <pc:docMk/>
          <pc:sldMasterMk cId="3461579504" sldId="2147483661"/>
        </pc:sldMasterMkLst>
        <pc:spChg chg="mod">
          <ac:chgData name="Conese  Andrea" userId="a0d85db6-9ead-4a96-b900-2c948ab101d2" providerId="ADAL" clId="{B39853F4-F433-4855-8757-71FDCBDEDAFA}" dt="2023-10-28T09:47:56.526" v="3370" actId="20577"/>
          <ac:spMkLst>
            <pc:docMk/>
            <pc:sldMasterMk cId="3461579504" sldId="2147483661"/>
            <ac:spMk id="4" creationId="{0346202A-A66B-81AE-DF09-75A6ECA6DDDE}"/>
          </ac:spMkLst>
        </pc:spChg>
        <pc:spChg chg="mod">
          <ac:chgData name="Conese  Andrea" userId="a0d85db6-9ead-4a96-b900-2c948ab101d2" providerId="ADAL" clId="{B39853F4-F433-4855-8757-71FDCBDEDAFA}" dt="2023-10-27T11:49:35.287" v="1038" actId="20577"/>
          <ac:spMkLst>
            <pc:docMk/>
            <pc:sldMasterMk cId="3461579504" sldId="2147483661"/>
            <ac:spMk id="5" creationId="{AC4E1E96-4FCC-C51D-5DE8-96FEBC64C48F}"/>
          </ac:spMkLst>
        </pc:spChg>
        <pc:spChg chg="del">
          <ac:chgData name="Conese  Andrea" userId="a0d85db6-9ead-4a96-b900-2c948ab101d2" providerId="ADAL" clId="{B39853F4-F433-4855-8757-71FDCBDEDAFA}" dt="2023-10-27T11:28:55.866" v="35" actId="478"/>
          <ac:spMkLst>
            <pc:docMk/>
            <pc:sldMasterMk cId="3461579504" sldId="2147483661"/>
            <ac:spMk id="6" creationId="{C6CB95F7-DE8E-80C1-AD64-C74B3B97BCD9}"/>
          </ac:spMkLst>
        </pc:spChg>
        <pc:picChg chg="add del mod">
          <ac:chgData name="Conese  Andrea" userId="a0d85db6-9ead-4a96-b900-2c948ab101d2" providerId="ADAL" clId="{B39853F4-F433-4855-8757-71FDCBDEDAFA}" dt="2023-10-27T11:56:43.273" v="1061" actId="21"/>
          <ac:picMkLst>
            <pc:docMk/>
            <pc:sldMasterMk cId="3461579504" sldId="2147483661"/>
            <ac:picMk id="7" creationId="{945773C0-AF23-F117-9C19-FFFD1818ACB5}"/>
          </ac:picMkLst>
        </pc:picChg>
        <pc:picChg chg="add del">
          <ac:chgData name="Conese  Andrea" userId="a0d85db6-9ead-4a96-b900-2c948ab101d2" providerId="ADAL" clId="{B39853F4-F433-4855-8757-71FDCBDEDAFA}" dt="2023-10-27T11:54:03.937" v="1060" actId="22"/>
          <ac:picMkLst>
            <pc:docMk/>
            <pc:sldMasterMk cId="3461579504" sldId="2147483661"/>
            <ac:picMk id="9" creationId="{EB889967-A867-E5F0-EE2B-8A068D2450A3}"/>
          </ac:picMkLst>
        </pc:picChg>
        <pc:picChg chg="add del mod">
          <ac:chgData name="Conese  Andrea" userId="a0d85db6-9ead-4a96-b900-2c948ab101d2" providerId="ADAL" clId="{B39853F4-F433-4855-8757-71FDCBDEDAFA}" dt="2023-10-27T11:56:48.067" v="1063" actId="21"/>
          <ac:picMkLst>
            <pc:docMk/>
            <pc:sldMasterMk cId="3461579504" sldId="2147483661"/>
            <ac:picMk id="10" creationId="{145B60CC-E85E-3AC5-F50F-46626FAF0AB1}"/>
          </ac:picMkLst>
        </pc:picChg>
        <pc:picChg chg="add del">
          <ac:chgData name="Conese  Andrea" userId="a0d85db6-9ead-4a96-b900-2c948ab101d2" providerId="ADAL" clId="{B39853F4-F433-4855-8757-71FDCBDEDAFA}" dt="2023-10-27T11:57:09.364" v="1065" actId="21"/>
          <ac:picMkLst>
            <pc:docMk/>
            <pc:sldMasterMk cId="3461579504" sldId="2147483661"/>
            <ac:picMk id="12" creationId="{1879FE0F-69A5-5038-DBC1-4CF2E459E070}"/>
          </ac:picMkLst>
        </pc:picChg>
        <pc:picChg chg="add del">
          <ac:chgData name="Conese  Andrea" userId="a0d85db6-9ead-4a96-b900-2c948ab101d2" providerId="ADAL" clId="{B39853F4-F433-4855-8757-71FDCBDEDAFA}" dt="2023-10-27T11:58:57.859" v="1067" actId="21"/>
          <ac:picMkLst>
            <pc:docMk/>
            <pc:sldMasterMk cId="3461579504" sldId="2147483661"/>
            <ac:picMk id="14" creationId="{4D668F6C-EC38-8CAF-EDE7-FC41457CBFC5}"/>
          </ac:picMkLst>
        </pc:picChg>
        <pc:picChg chg="add mod modCrop">
          <ac:chgData name="Conese  Andrea" userId="a0d85db6-9ead-4a96-b900-2c948ab101d2" providerId="ADAL" clId="{B39853F4-F433-4855-8757-71FDCBDEDAFA}" dt="2023-10-27T12:00:14.880" v="1074" actId="1076"/>
          <ac:picMkLst>
            <pc:docMk/>
            <pc:sldMasterMk cId="3461579504" sldId="2147483661"/>
            <ac:picMk id="15" creationId="{ED328F23-43F0-46C6-E3D4-53E207126528}"/>
          </ac:picMkLst>
        </pc:picChg>
        <pc:sldLayoutChg chg="new replId setBg">
          <pc:chgData name="Conese  Andrea" userId="a0d85db6-9ead-4a96-b900-2c948ab101d2" providerId="ADAL" clId="{B39853F4-F433-4855-8757-71FDCBDEDAFA}" dt="2023-10-27T11:51:28.884" v="1055"/>
          <pc:sldLayoutMkLst>
            <pc:docMk/>
            <pc:sldMasterMk cId="3461579504" sldId="2147483661"/>
            <pc:sldLayoutMk cId="1852983893" sldId="2147483662"/>
          </pc:sldLayoutMkLst>
        </pc:sldLayoutChg>
        <pc:sldLayoutChg chg="new replId setBg">
          <pc:chgData name="Conese  Andrea" userId="a0d85db6-9ead-4a96-b900-2c948ab101d2" providerId="ADAL" clId="{B39853F4-F433-4855-8757-71FDCBDEDAFA}" dt="2023-10-27T11:51:28.884" v="1055"/>
          <pc:sldLayoutMkLst>
            <pc:docMk/>
            <pc:sldMasterMk cId="3461579504" sldId="2147483661"/>
            <pc:sldLayoutMk cId="4247565534" sldId="2147483663"/>
          </pc:sldLayoutMkLst>
        </pc:sldLayoutChg>
        <pc:sldLayoutChg chg="new replId setBg">
          <pc:chgData name="Conese  Andrea" userId="a0d85db6-9ead-4a96-b900-2c948ab101d2" providerId="ADAL" clId="{B39853F4-F433-4855-8757-71FDCBDEDAFA}" dt="2023-10-27T11:51:28.884" v="1055"/>
          <pc:sldLayoutMkLst>
            <pc:docMk/>
            <pc:sldMasterMk cId="3461579504" sldId="2147483661"/>
            <pc:sldLayoutMk cId="489652707" sldId="2147483664"/>
          </pc:sldLayoutMkLst>
        </pc:sldLayoutChg>
        <pc:sldLayoutChg chg="new replId setBg">
          <pc:chgData name="Conese  Andrea" userId="a0d85db6-9ead-4a96-b900-2c948ab101d2" providerId="ADAL" clId="{B39853F4-F433-4855-8757-71FDCBDEDAFA}" dt="2023-10-27T11:51:28.884" v="1055"/>
          <pc:sldLayoutMkLst>
            <pc:docMk/>
            <pc:sldMasterMk cId="3461579504" sldId="2147483661"/>
            <pc:sldLayoutMk cId="864253793" sldId="2147483665"/>
          </pc:sldLayoutMkLst>
        </pc:sldLayoutChg>
        <pc:sldLayoutChg chg="new replId setBg">
          <pc:chgData name="Conese  Andrea" userId="a0d85db6-9ead-4a96-b900-2c948ab101d2" providerId="ADAL" clId="{B39853F4-F433-4855-8757-71FDCBDEDAFA}" dt="2023-10-27T11:51:28.884" v="1055"/>
          <pc:sldLayoutMkLst>
            <pc:docMk/>
            <pc:sldMasterMk cId="3461579504" sldId="2147483661"/>
            <pc:sldLayoutMk cId="3647389069" sldId="2147483666"/>
          </pc:sldLayoutMkLst>
        </pc:sldLayoutChg>
        <pc:sldLayoutChg chg="new replId setBg">
          <pc:chgData name="Conese  Andrea" userId="a0d85db6-9ead-4a96-b900-2c948ab101d2" providerId="ADAL" clId="{B39853F4-F433-4855-8757-71FDCBDEDAFA}" dt="2023-10-27T11:51:28.884" v="1055"/>
          <pc:sldLayoutMkLst>
            <pc:docMk/>
            <pc:sldMasterMk cId="3461579504" sldId="2147483661"/>
            <pc:sldLayoutMk cId="2282055149" sldId="2147483667"/>
          </pc:sldLayoutMkLst>
        </pc:sldLayoutChg>
        <pc:sldLayoutChg chg="new replId setBg">
          <pc:chgData name="Conese  Andrea" userId="a0d85db6-9ead-4a96-b900-2c948ab101d2" providerId="ADAL" clId="{B39853F4-F433-4855-8757-71FDCBDEDAFA}" dt="2023-10-27T11:51:28.884" v="1055"/>
          <pc:sldLayoutMkLst>
            <pc:docMk/>
            <pc:sldMasterMk cId="3461579504" sldId="2147483661"/>
            <pc:sldLayoutMk cId="886613635" sldId="2147483668"/>
          </pc:sldLayoutMkLst>
        </pc:sldLayoutChg>
        <pc:sldLayoutChg chg="new replId setBg">
          <pc:chgData name="Conese  Andrea" userId="a0d85db6-9ead-4a96-b900-2c948ab101d2" providerId="ADAL" clId="{B39853F4-F433-4855-8757-71FDCBDEDAFA}" dt="2023-10-27T11:51:28.884" v="1055"/>
          <pc:sldLayoutMkLst>
            <pc:docMk/>
            <pc:sldMasterMk cId="3461579504" sldId="2147483661"/>
            <pc:sldLayoutMk cId="540936567" sldId="2147483669"/>
          </pc:sldLayoutMkLst>
        </pc:sldLayoutChg>
        <pc:sldLayoutChg chg="new replId setBg">
          <pc:chgData name="Conese  Andrea" userId="a0d85db6-9ead-4a96-b900-2c948ab101d2" providerId="ADAL" clId="{B39853F4-F433-4855-8757-71FDCBDEDAFA}" dt="2023-10-27T11:51:28.884" v="1055"/>
          <pc:sldLayoutMkLst>
            <pc:docMk/>
            <pc:sldMasterMk cId="3461579504" sldId="2147483661"/>
            <pc:sldLayoutMk cId="1848384651" sldId="2147483670"/>
          </pc:sldLayoutMkLst>
        </pc:sldLayoutChg>
        <pc:sldLayoutChg chg="new replId setBg">
          <pc:chgData name="Conese  Andrea" userId="a0d85db6-9ead-4a96-b900-2c948ab101d2" providerId="ADAL" clId="{B39853F4-F433-4855-8757-71FDCBDEDAFA}" dt="2023-10-27T11:51:28.884" v="1055"/>
          <pc:sldLayoutMkLst>
            <pc:docMk/>
            <pc:sldMasterMk cId="3461579504" sldId="2147483661"/>
            <pc:sldLayoutMk cId="187121146" sldId="2147483671"/>
          </pc:sldLayoutMkLst>
        </pc:sldLayoutChg>
        <pc:sldLayoutChg chg="new replId setBg">
          <pc:chgData name="Conese  Andrea" userId="a0d85db6-9ead-4a96-b900-2c948ab101d2" providerId="ADAL" clId="{B39853F4-F433-4855-8757-71FDCBDEDAFA}" dt="2023-10-27T11:51:28.884" v="1055"/>
          <pc:sldLayoutMkLst>
            <pc:docMk/>
            <pc:sldMasterMk cId="3461579504" sldId="2147483661"/>
            <pc:sldLayoutMk cId="899056014" sldId="2147483672"/>
          </pc:sldLayoutMkLst>
        </pc:sldLayoutChg>
      </pc:sldMasterChg>
    </pc:docChg>
  </pc:docChgLst>
</pc:chgInfo>
</file>

<file path=ppt/diagrams/_rels/data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svg"/><Relationship Id="rId1" Type="http://schemas.openxmlformats.org/officeDocument/2006/relationships/image" Target="../media/image11.png"/><Relationship Id="rId6" Type="http://schemas.openxmlformats.org/officeDocument/2006/relationships/image" Target="../media/image16.svg"/><Relationship Id="rId5" Type="http://schemas.openxmlformats.org/officeDocument/2006/relationships/image" Target="../media/image15.png"/><Relationship Id="rId4" Type="http://schemas.openxmlformats.org/officeDocument/2006/relationships/image" Target="../media/image14.svg"/></Relationships>
</file>

<file path=ppt/diagrams/_rels/drawing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svg"/><Relationship Id="rId1" Type="http://schemas.openxmlformats.org/officeDocument/2006/relationships/image" Target="../media/image11.png"/><Relationship Id="rId6" Type="http://schemas.openxmlformats.org/officeDocument/2006/relationships/image" Target="../media/image16.svg"/><Relationship Id="rId5" Type="http://schemas.openxmlformats.org/officeDocument/2006/relationships/image" Target="../media/image15.png"/><Relationship Id="rId4" Type="http://schemas.openxmlformats.org/officeDocument/2006/relationships/image" Target="../media/image14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6_2">
  <dgm:title val=""/>
  <dgm:desc val=""/>
  <dgm:catLst>
    <dgm:cat type="accent6" pri="11200"/>
  </dgm:catLst>
  <dgm:styleLbl name="node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6"/>
    </dgm:fillClrLst>
    <dgm:linClrLst meth="repeat">
      <a:schemeClr val="accent6"/>
    </dgm:linClrLst>
    <dgm:effectClrLst/>
    <dgm:txLinClrLst/>
    <dgm:txFillClrLst/>
    <dgm:txEffectClrLst/>
  </dgm:styleLbl>
  <dgm:styleLbl name="ln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6"/>
    </dgm:fillClrLst>
    <dgm:linClrLst meth="repeat">
      <a:schemeClr val="accent6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6"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6">
        <a:shade val="8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6">
        <a:tint val="50000"/>
        <a:alpha val="4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6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87F6DAF1-9A1A-4F4D-A2C4-9883A11BA46B}" type="doc">
      <dgm:prSet loTypeId="urn:microsoft.com/office/officeart/2005/8/layout/hProcess6" loCatId="process" qsTypeId="urn:microsoft.com/office/officeart/2005/8/quickstyle/simple1" qsCatId="simple" csTypeId="urn:microsoft.com/office/officeart/2005/8/colors/accent6_2" csCatId="accent6" phldr="1"/>
      <dgm:spPr/>
    </dgm:pt>
    <dgm:pt modelId="{DD2945E4-B13D-4640-B21F-84111DB7C9E0}">
      <dgm:prSet phldrT="[Testo]"/>
      <dgm:spPr>
        <a:solidFill>
          <a:srgbClr val="DA743B"/>
        </a:solidFill>
        <a:ln>
          <a:solidFill>
            <a:srgbClr val="203876"/>
          </a:solidFill>
        </a:ln>
      </dgm:spPr>
      <dgm:t>
        <a:bodyPr/>
        <a:lstStyle/>
        <a:p>
          <a:r>
            <a:rPr lang="it-IT" dirty="0">
              <a:solidFill>
                <a:srgbClr val="203876"/>
              </a:solidFill>
            </a:rPr>
            <a:t>25/03/2024</a:t>
          </a:r>
        </a:p>
      </dgm:t>
    </dgm:pt>
    <dgm:pt modelId="{218A6E7F-D635-43B2-9C16-7903747CA38B}" type="parTrans" cxnId="{26AB9FF3-FB4F-4090-BBF5-8349194E010D}">
      <dgm:prSet/>
      <dgm:spPr/>
      <dgm:t>
        <a:bodyPr/>
        <a:lstStyle/>
        <a:p>
          <a:endParaRPr lang="it-IT"/>
        </a:p>
      </dgm:t>
    </dgm:pt>
    <dgm:pt modelId="{661A95BB-9602-456F-AECA-4F2E66B057D5}" type="sibTrans" cxnId="{26AB9FF3-FB4F-4090-BBF5-8349194E010D}">
      <dgm:prSet/>
      <dgm:spPr/>
      <dgm:t>
        <a:bodyPr/>
        <a:lstStyle/>
        <a:p>
          <a:endParaRPr lang="it-IT"/>
        </a:p>
      </dgm:t>
    </dgm:pt>
    <dgm:pt modelId="{7E50E3E9-F929-45CA-818D-A9CC702A9D1A}">
      <dgm:prSet/>
      <dgm:spPr>
        <a:solidFill>
          <a:srgbClr val="203876"/>
        </a:solidFill>
        <a:ln>
          <a:solidFill>
            <a:srgbClr val="DA743B">
              <a:alpha val="90000"/>
            </a:srgbClr>
          </a:solidFill>
        </a:ln>
      </dgm:spPr>
      <dgm:t>
        <a:bodyPr/>
        <a:lstStyle/>
        <a:p>
          <a:endParaRPr lang="it-IT" dirty="0"/>
        </a:p>
      </dgm:t>
    </dgm:pt>
    <dgm:pt modelId="{3FFF5BC4-C027-4BED-A387-EE39C75DCDE4}" type="parTrans" cxnId="{9FE9ED0B-4B10-4A3D-AEEA-B93AF2BA4937}">
      <dgm:prSet/>
      <dgm:spPr/>
      <dgm:t>
        <a:bodyPr/>
        <a:lstStyle/>
        <a:p>
          <a:endParaRPr lang="it-IT"/>
        </a:p>
      </dgm:t>
    </dgm:pt>
    <dgm:pt modelId="{8AB59DD0-7249-4786-8410-E948168ACCCB}" type="sibTrans" cxnId="{9FE9ED0B-4B10-4A3D-AEEA-B93AF2BA4937}">
      <dgm:prSet/>
      <dgm:spPr/>
      <dgm:t>
        <a:bodyPr/>
        <a:lstStyle/>
        <a:p>
          <a:endParaRPr lang="it-IT"/>
        </a:p>
      </dgm:t>
    </dgm:pt>
    <dgm:pt modelId="{06EFE227-4EEC-43E5-85E9-1752A6578E2B}">
      <dgm:prSet phldrT="[Testo]"/>
      <dgm:spPr>
        <a:solidFill>
          <a:srgbClr val="DA743B"/>
        </a:solidFill>
        <a:ln>
          <a:solidFill>
            <a:srgbClr val="203876"/>
          </a:solidFill>
        </a:ln>
      </dgm:spPr>
      <dgm:t>
        <a:bodyPr/>
        <a:lstStyle/>
        <a:p>
          <a:r>
            <a:rPr lang="it-IT" dirty="0">
              <a:solidFill>
                <a:srgbClr val="203876"/>
              </a:solidFill>
            </a:rPr>
            <a:t>/2024</a:t>
          </a:r>
        </a:p>
      </dgm:t>
    </dgm:pt>
    <dgm:pt modelId="{2133AEDF-3B69-4686-BD18-63244A40816B}" type="parTrans" cxnId="{B42395D1-425B-4FC1-A882-1DA188B05112}">
      <dgm:prSet/>
      <dgm:spPr/>
      <dgm:t>
        <a:bodyPr/>
        <a:lstStyle/>
        <a:p>
          <a:endParaRPr lang="it-IT"/>
        </a:p>
      </dgm:t>
    </dgm:pt>
    <dgm:pt modelId="{858C05C9-76E2-40E7-8DCC-7D139D0DF598}" type="sibTrans" cxnId="{B42395D1-425B-4FC1-A882-1DA188B05112}">
      <dgm:prSet/>
      <dgm:spPr/>
      <dgm:t>
        <a:bodyPr/>
        <a:lstStyle/>
        <a:p>
          <a:endParaRPr lang="it-IT"/>
        </a:p>
      </dgm:t>
    </dgm:pt>
    <dgm:pt modelId="{2EFF9822-9DCA-4462-BF14-1AE475B76873}">
      <dgm:prSet phldrT="[Testo]"/>
      <dgm:spPr>
        <a:solidFill>
          <a:srgbClr val="DA743B"/>
        </a:solidFill>
        <a:ln>
          <a:solidFill>
            <a:srgbClr val="203876"/>
          </a:solidFill>
        </a:ln>
      </dgm:spPr>
      <dgm:t>
        <a:bodyPr/>
        <a:lstStyle/>
        <a:p>
          <a:r>
            <a:rPr lang="it-IT" dirty="0">
              <a:solidFill>
                <a:srgbClr val="203876"/>
              </a:solidFill>
            </a:rPr>
            <a:t>/2024</a:t>
          </a:r>
        </a:p>
      </dgm:t>
    </dgm:pt>
    <dgm:pt modelId="{859D7297-2987-4390-922F-A8756F54D3CF}" type="parTrans" cxnId="{689D31CE-EF66-415E-85A1-42A4607226D3}">
      <dgm:prSet/>
      <dgm:spPr/>
      <dgm:t>
        <a:bodyPr/>
        <a:lstStyle/>
        <a:p>
          <a:endParaRPr lang="it-IT"/>
        </a:p>
      </dgm:t>
    </dgm:pt>
    <dgm:pt modelId="{5FC4A4C2-B035-43A4-B032-8D5188300856}" type="sibTrans" cxnId="{689D31CE-EF66-415E-85A1-42A4607226D3}">
      <dgm:prSet/>
      <dgm:spPr/>
      <dgm:t>
        <a:bodyPr/>
        <a:lstStyle/>
        <a:p>
          <a:endParaRPr lang="it-IT"/>
        </a:p>
      </dgm:t>
    </dgm:pt>
    <dgm:pt modelId="{B0DABBFA-8118-422B-815B-5EFA44CB2D7B}">
      <dgm:prSet phldrT="[Testo]"/>
      <dgm:spPr>
        <a:solidFill>
          <a:srgbClr val="DA743B"/>
        </a:solidFill>
        <a:ln>
          <a:solidFill>
            <a:srgbClr val="203876"/>
          </a:solidFill>
        </a:ln>
      </dgm:spPr>
      <dgm:t>
        <a:bodyPr/>
        <a:lstStyle/>
        <a:p>
          <a:r>
            <a:rPr lang="it-IT" dirty="0">
              <a:solidFill>
                <a:srgbClr val="203876"/>
              </a:solidFill>
            </a:rPr>
            <a:t>/2024</a:t>
          </a:r>
        </a:p>
      </dgm:t>
    </dgm:pt>
    <dgm:pt modelId="{2ABF38D0-F1D6-4A17-9062-91782F2B119F}" type="parTrans" cxnId="{8F88D25D-C4CA-4FF0-811F-986FB80B1AC6}">
      <dgm:prSet/>
      <dgm:spPr/>
      <dgm:t>
        <a:bodyPr/>
        <a:lstStyle/>
        <a:p>
          <a:endParaRPr lang="it-IT"/>
        </a:p>
      </dgm:t>
    </dgm:pt>
    <dgm:pt modelId="{1D7D2B54-42F7-4BBE-A05E-A7DD2714EB35}" type="sibTrans" cxnId="{8F88D25D-C4CA-4FF0-811F-986FB80B1AC6}">
      <dgm:prSet/>
      <dgm:spPr/>
      <dgm:t>
        <a:bodyPr/>
        <a:lstStyle/>
        <a:p>
          <a:endParaRPr lang="it-IT"/>
        </a:p>
      </dgm:t>
    </dgm:pt>
    <dgm:pt modelId="{53E1C2B4-07B6-4CAD-9489-FBF431B021B8}" type="pres">
      <dgm:prSet presAssocID="{87F6DAF1-9A1A-4F4D-A2C4-9883A11BA46B}" presName="theList" presStyleCnt="0">
        <dgm:presLayoutVars>
          <dgm:dir/>
          <dgm:animLvl val="lvl"/>
          <dgm:resizeHandles val="exact"/>
        </dgm:presLayoutVars>
      </dgm:prSet>
      <dgm:spPr/>
    </dgm:pt>
    <dgm:pt modelId="{A13FE1B0-BD8B-4665-B6B5-726D10485D2E}" type="pres">
      <dgm:prSet presAssocID="{DD2945E4-B13D-4640-B21F-84111DB7C9E0}" presName="compNode" presStyleCnt="0"/>
      <dgm:spPr/>
    </dgm:pt>
    <dgm:pt modelId="{EB94B3E3-A48D-4193-8164-48084BE9A35D}" type="pres">
      <dgm:prSet presAssocID="{DD2945E4-B13D-4640-B21F-84111DB7C9E0}" presName="noGeometry" presStyleCnt="0"/>
      <dgm:spPr/>
    </dgm:pt>
    <dgm:pt modelId="{C4425535-29F7-4B89-98D4-06E180895B01}" type="pres">
      <dgm:prSet presAssocID="{DD2945E4-B13D-4640-B21F-84111DB7C9E0}" presName="childTextVisible" presStyleLbl="bgAccFollowNode1" presStyleIdx="0" presStyleCnt="4">
        <dgm:presLayoutVars>
          <dgm:bulletEnabled val="1"/>
        </dgm:presLayoutVars>
      </dgm:prSet>
      <dgm:spPr/>
    </dgm:pt>
    <dgm:pt modelId="{DDC1C363-EE71-4691-B4E1-5F334D9A6CFA}" type="pres">
      <dgm:prSet presAssocID="{DD2945E4-B13D-4640-B21F-84111DB7C9E0}" presName="childTextHidden" presStyleLbl="bgAccFollowNode1" presStyleIdx="0" presStyleCnt="4"/>
      <dgm:spPr/>
    </dgm:pt>
    <dgm:pt modelId="{599CD8D0-D4E1-49D6-9BBE-F408CA8B6A89}" type="pres">
      <dgm:prSet presAssocID="{DD2945E4-B13D-4640-B21F-84111DB7C9E0}" presName="parentText" presStyleLbl="node1" presStyleIdx="0" presStyleCnt="4" custScaleX="77409" custScaleY="74756">
        <dgm:presLayoutVars>
          <dgm:chMax val="1"/>
          <dgm:bulletEnabled val="1"/>
        </dgm:presLayoutVars>
      </dgm:prSet>
      <dgm:spPr/>
    </dgm:pt>
    <dgm:pt modelId="{BF468B2F-C5EF-4AA5-91F0-65FDECBEB56B}" type="pres">
      <dgm:prSet presAssocID="{DD2945E4-B13D-4640-B21F-84111DB7C9E0}" presName="aSpace" presStyleCnt="0"/>
      <dgm:spPr/>
    </dgm:pt>
    <dgm:pt modelId="{8DF5BBE0-04D8-43F3-A903-DCBBABAA0131}" type="pres">
      <dgm:prSet presAssocID="{06EFE227-4EEC-43E5-85E9-1752A6578E2B}" presName="compNode" presStyleCnt="0"/>
      <dgm:spPr/>
    </dgm:pt>
    <dgm:pt modelId="{A610C1E3-CF61-4246-8DF3-A204420F3C18}" type="pres">
      <dgm:prSet presAssocID="{06EFE227-4EEC-43E5-85E9-1752A6578E2B}" presName="noGeometry" presStyleCnt="0"/>
      <dgm:spPr/>
    </dgm:pt>
    <dgm:pt modelId="{480EE06A-9740-4FD3-9584-9EC9F2B5C2E5}" type="pres">
      <dgm:prSet presAssocID="{06EFE227-4EEC-43E5-85E9-1752A6578E2B}" presName="childTextVisible" presStyleLbl="bgAccFollowNode1" presStyleIdx="1" presStyleCnt="4">
        <dgm:presLayoutVars>
          <dgm:bulletEnabled val="1"/>
        </dgm:presLayoutVars>
      </dgm:prSet>
      <dgm:spPr>
        <a:solidFill>
          <a:srgbClr val="203876">
            <a:alpha val="90000"/>
          </a:srgbClr>
        </a:solidFill>
        <a:ln>
          <a:solidFill>
            <a:srgbClr val="DA743B">
              <a:alpha val="90000"/>
            </a:srgbClr>
          </a:solidFill>
        </a:ln>
      </dgm:spPr>
    </dgm:pt>
    <dgm:pt modelId="{6B6B1783-F721-442E-8A4B-10162088E0DD}" type="pres">
      <dgm:prSet presAssocID="{06EFE227-4EEC-43E5-85E9-1752A6578E2B}" presName="childTextHidden" presStyleLbl="bgAccFollowNode1" presStyleIdx="1" presStyleCnt="4"/>
      <dgm:spPr/>
    </dgm:pt>
    <dgm:pt modelId="{7C29C5A5-D8B2-4FDD-B18B-F9F3CE12CB23}" type="pres">
      <dgm:prSet presAssocID="{06EFE227-4EEC-43E5-85E9-1752A6578E2B}" presName="parentText" presStyleLbl="node1" presStyleIdx="1" presStyleCnt="4" custScaleX="77409" custScaleY="74756">
        <dgm:presLayoutVars>
          <dgm:chMax val="1"/>
          <dgm:bulletEnabled val="1"/>
        </dgm:presLayoutVars>
      </dgm:prSet>
      <dgm:spPr/>
    </dgm:pt>
    <dgm:pt modelId="{E8B495BA-F94C-4010-991D-249D5A4C55C9}" type="pres">
      <dgm:prSet presAssocID="{06EFE227-4EEC-43E5-85E9-1752A6578E2B}" presName="aSpace" presStyleCnt="0"/>
      <dgm:spPr/>
    </dgm:pt>
    <dgm:pt modelId="{50EFDFCA-4BB4-4F0B-93EA-04055F7A632E}" type="pres">
      <dgm:prSet presAssocID="{2EFF9822-9DCA-4462-BF14-1AE475B76873}" presName="compNode" presStyleCnt="0"/>
      <dgm:spPr/>
    </dgm:pt>
    <dgm:pt modelId="{A27420AF-5DA7-4ABF-9EF2-6790A3889A13}" type="pres">
      <dgm:prSet presAssocID="{2EFF9822-9DCA-4462-BF14-1AE475B76873}" presName="noGeometry" presStyleCnt="0"/>
      <dgm:spPr/>
    </dgm:pt>
    <dgm:pt modelId="{AF8E7D6C-2499-4C1E-B155-06C1A8F659B9}" type="pres">
      <dgm:prSet presAssocID="{2EFF9822-9DCA-4462-BF14-1AE475B76873}" presName="childTextVisible" presStyleLbl="bgAccFollowNode1" presStyleIdx="2" presStyleCnt="4">
        <dgm:presLayoutVars>
          <dgm:bulletEnabled val="1"/>
        </dgm:presLayoutVars>
      </dgm:prSet>
      <dgm:spPr>
        <a:solidFill>
          <a:srgbClr val="203876">
            <a:alpha val="90000"/>
          </a:srgbClr>
        </a:solidFill>
        <a:ln>
          <a:solidFill>
            <a:srgbClr val="DA743B">
              <a:alpha val="90000"/>
            </a:srgbClr>
          </a:solidFill>
        </a:ln>
      </dgm:spPr>
    </dgm:pt>
    <dgm:pt modelId="{3DEE7851-1C20-4744-8281-BFA7D55A67A1}" type="pres">
      <dgm:prSet presAssocID="{2EFF9822-9DCA-4462-BF14-1AE475B76873}" presName="childTextHidden" presStyleLbl="bgAccFollowNode1" presStyleIdx="2" presStyleCnt="4"/>
      <dgm:spPr/>
    </dgm:pt>
    <dgm:pt modelId="{87E2D3D6-56A6-43AD-9796-63E24D034A66}" type="pres">
      <dgm:prSet presAssocID="{2EFF9822-9DCA-4462-BF14-1AE475B76873}" presName="parentText" presStyleLbl="node1" presStyleIdx="2" presStyleCnt="4" custScaleX="77409" custScaleY="74756">
        <dgm:presLayoutVars>
          <dgm:chMax val="1"/>
          <dgm:bulletEnabled val="1"/>
        </dgm:presLayoutVars>
      </dgm:prSet>
      <dgm:spPr/>
    </dgm:pt>
    <dgm:pt modelId="{7287B555-3BD9-47D9-874A-C8E86C205EE3}" type="pres">
      <dgm:prSet presAssocID="{2EFF9822-9DCA-4462-BF14-1AE475B76873}" presName="aSpace" presStyleCnt="0"/>
      <dgm:spPr/>
    </dgm:pt>
    <dgm:pt modelId="{E5F744EC-63C2-443E-B5D8-B36A1FB9F236}" type="pres">
      <dgm:prSet presAssocID="{B0DABBFA-8118-422B-815B-5EFA44CB2D7B}" presName="compNode" presStyleCnt="0"/>
      <dgm:spPr/>
    </dgm:pt>
    <dgm:pt modelId="{08354AD9-4615-4470-B649-A2E4A710711C}" type="pres">
      <dgm:prSet presAssocID="{B0DABBFA-8118-422B-815B-5EFA44CB2D7B}" presName="noGeometry" presStyleCnt="0"/>
      <dgm:spPr/>
    </dgm:pt>
    <dgm:pt modelId="{ADC03922-F001-485D-B571-42B4F510FC44}" type="pres">
      <dgm:prSet presAssocID="{B0DABBFA-8118-422B-815B-5EFA44CB2D7B}" presName="childTextVisible" presStyleLbl="bgAccFollowNode1" presStyleIdx="3" presStyleCnt="4">
        <dgm:presLayoutVars>
          <dgm:bulletEnabled val="1"/>
        </dgm:presLayoutVars>
      </dgm:prSet>
      <dgm:spPr>
        <a:solidFill>
          <a:srgbClr val="203876">
            <a:alpha val="90000"/>
          </a:srgbClr>
        </a:solidFill>
        <a:ln>
          <a:solidFill>
            <a:srgbClr val="DA743B">
              <a:alpha val="90000"/>
            </a:srgbClr>
          </a:solidFill>
        </a:ln>
      </dgm:spPr>
    </dgm:pt>
    <dgm:pt modelId="{9544B060-D82A-4647-84DF-8FF2DF6C9CDF}" type="pres">
      <dgm:prSet presAssocID="{B0DABBFA-8118-422B-815B-5EFA44CB2D7B}" presName="childTextHidden" presStyleLbl="bgAccFollowNode1" presStyleIdx="3" presStyleCnt="4"/>
      <dgm:spPr/>
    </dgm:pt>
    <dgm:pt modelId="{D1C9863D-A4E7-4773-8BD0-699A7E92CB21}" type="pres">
      <dgm:prSet presAssocID="{B0DABBFA-8118-422B-815B-5EFA44CB2D7B}" presName="parentText" presStyleLbl="node1" presStyleIdx="3" presStyleCnt="4" custScaleX="77409" custScaleY="74756">
        <dgm:presLayoutVars>
          <dgm:chMax val="1"/>
          <dgm:bulletEnabled val="1"/>
        </dgm:presLayoutVars>
      </dgm:prSet>
      <dgm:spPr/>
    </dgm:pt>
  </dgm:ptLst>
  <dgm:cxnLst>
    <dgm:cxn modelId="{9FE9ED0B-4B10-4A3D-AEEA-B93AF2BA4937}" srcId="{DD2945E4-B13D-4640-B21F-84111DB7C9E0}" destId="{7E50E3E9-F929-45CA-818D-A9CC702A9D1A}" srcOrd="0" destOrd="0" parTransId="{3FFF5BC4-C027-4BED-A387-EE39C75DCDE4}" sibTransId="{8AB59DD0-7249-4786-8410-E948168ACCCB}"/>
    <dgm:cxn modelId="{99B54A39-F1EA-4E9C-BE40-60F814BA173E}" type="presOf" srcId="{06EFE227-4EEC-43E5-85E9-1752A6578E2B}" destId="{7C29C5A5-D8B2-4FDD-B18B-F9F3CE12CB23}" srcOrd="0" destOrd="0" presId="urn:microsoft.com/office/officeart/2005/8/layout/hProcess6"/>
    <dgm:cxn modelId="{8F88D25D-C4CA-4FF0-811F-986FB80B1AC6}" srcId="{87F6DAF1-9A1A-4F4D-A2C4-9883A11BA46B}" destId="{B0DABBFA-8118-422B-815B-5EFA44CB2D7B}" srcOrd="3" destOrd="0" parTransId="{2ABF38D0-F1D6-4A17-9062-91782F2B119F}" sibTransId="{1D7D2B54-42F7-4BBE-A05E-A7DD2714EB35}"/>
    <dgm:cxn modelId="{94C27E55-B910-407E-9485-551800C7E498}" type="presOf" srcId="{B0DABBFA-8118-422B-815B-5EFA44CB2D7B}" destId="{D1C9863D-A4E7-4773-8BD0-699A7E92CB21}" srcOrd="0" destOrd="0" presId="urn:microsoft.com/office/officeart/2005/8/layout/hProcess6"/>
    <dgm:cxn modelId="{FB315D57-7993-4365-93F7-E8BFF8C4F6B8}" type="presOf" srcId="{7E50E3E9-F929-45CA-818D-A9CC702A9D1A}" destId="{C4425535-29F7-4B89-98D4-06E180895B01}" srcOrd="0" destOrd="0" presId="urn:microsoft.com/office/officeart/2005/8/layout/hProcess6"/>
    <dgm:cxn modelId="{126B6FA2-3652-4A7A-8B22-4108AC8BD22E}" type="presOf" srcId="{DD2945E4-B13D-4640-B21F-84111DB7C9E0}" destId="{599CD8D0-D4E1-49D6-9BBE-F408CA8B6A89}" srcOrd="0" destOrd="0" presId="urn:microsoft.com/office/officeart/2005/8/layout/hProcess6"/>
    <dgm:cxn modelId="{5E84A5C9-8430-42D9-8C8C-6D43047D2F86}" type="presOf" srcId="{87F6DAF1-9A1A-4F4D-A2C4-9883A11BA46B}" destId="{53E1C2B4-07B6-4CAD-9489-FBF431B021B8}" srcOrd="0" destOrd="0" presId="urn:microsoft.com/office/officeart/2005/8/layout/hProcess6"/>
    <dgm:cxn modelId="{689D31CE-EF66-415E-85A1-42A4607226D3}" srcId="{87F6DAF1-9A1A-4F4D-A2C4-9883A11BA46B}" destId="{2EFF9822-9DCA-4462-BF14-1AE475B76873}" srcOrd="2" destOrd="0" parTransId="{859D7297-2987-4390-922F-A8756F54D3CF}" sibTransId="{5FC4A4C2-B035-43A4-B032-8D5188300856}"/>
    <dgm:cxn modelId="{B42395D1-425B-4FC1-A882-1DA188B05112}" srcId="{87F6DAF1-9A1A-4F4D-A2C4-9883A11BA46B}" destId="{06EFE227-4EEC-43E5-85E9-1752A6578E2B}" srcOrd="1" destOrd="0" parTransId="{2133AEDF-3B69-4686-BD18-63244A40816B}" sibTransId="{858C05C9-76E2-40E7-8DCC-7D139D0DF598}"/>
    <dgm:cxn modelId="{AAB98EEE-9295-46E1-8402-1851DF7A1FA6}" type="presOf" srcId="{7E50E3E9-F929-45CA-818D-A9CC702A9D1A}" destId="{DDC1C363-EE71-4691-B4E1-5F334D9A6CFA}" srcOrd="1" destOrd="0" presId="urn:microsoft.com/office/officeart/2005/8/layout/hProcess6"/>
    <dgm:cxn modelId="{26AB9FF3-FB4F-4090-BBF5-8349194E010D}" srcId="{87F6DAF1-9A1A-4F4D-A2C4-9883A11BA46B}" destId="{DD2945E4-B13D-4640-B21F-84111DB7C9E0}" srcOrd="0" destOrd="0" parTransId="{218A6E7F-D635-43B2-9C16-7903747CA38B}" sibTransId="{661A95BB-9602-456F-AECA-4F2E66B057D5}"/>
    <dgm:cxn modelId="{2C2554FC-E9A0-491F-BE49-161093E60E18}" type="presOf" srcId="{2EFF9822-9DCA-4462-BF14-1AE475B76873}" destId="{87E2D3D6-56A6-43AD-9796-63E24D034A66}" srcOrd="0" destOrd="0" presId="urn:microsoft.com/office/officeart/2005/8/layout/hProcess6"/>
    <dgm:cxn modelId="{30B179E1-E460-45E9-BFF7-64B311B41B73}" type="presParOf" srcId="{53E1C2B4-07B6-4CAD-9489-FBF431B021B8}" destId="{A13FE1B0-BD8B-4665-B6B5-726D10485D2E}" srcOrd="0" destOrd="0" presId="urn:microsoft.com/office/officeart/2005/8/layout/hProcess6"/>
    <dgm:cxn modelId="{B357718E-80AD-4C2C-B1B3-ABEB486BA7D5}" type="presParOf" srcId="{A13FE1B0-BD8B-4665-B6B5-726D10485D2E}" destId="{EB94B3E3-A48D-4193-8164-48084BE9A35D}" srcOrd="0" destOrd="0" presId="urn:microsoft.com/office/officeart/2005/8/layout/hProcess6"/>
    <dgm:cxn modelId="{741C8434-65A9-40C5-AEED-474BDE353791}" type="presParOf" srcId="{A13FE1B0-BD8B-4665-B6B5-726D10485D2E}" destId="{C4425535-29F7-4B89-98D4-06E180895B01}" srcOrd="1" destOrd="0" presId="urn:microsoft.com/office/officeart/2005/8/layout/hProcess6"/>
    <dgm:cxn modelId="{C5AD7EE3-885A-4D2C-BDD0-F7E9E0D9B99D}" type="presParOf" srcId="{A13FE1B0-BD8B-4665-B6B5-726D10485D2E}" destId="{DDC1C363-EE71-4691-B4E1-5F334D9A6CFA}" srcOrd="2" destOrd="0" presId="urn:microsoft.com/office/officeart/2005/8/layout/hProcess6"/>
    <dgm:cxn modelId="{22FC9DEF-47A6-41F7-B252-363BCFD5F63B}" type="presParOf" srcId="{A13FE1B0-BD8B-4665-B6B5-726D10485D2E}" destId="{599CD8D0-D4E1-49D6-9BBE-F408CA8B6A89}" srcOrd="3" destOrd="0" presId="urn:microsoft.com/office/officeart/2005/8/layout/hProcess6"/>
    <dgm:cxn modelId="{861A3501-23B9-4A9F-9577-F63F954640CB}" type="presParOf" srcId="{53E1C2B4-07B6-4CAD-9489-FBF431B021B8}" destId="{BF468B2F-C5EF-4AA5-91F0-65FDECBEB56B}" srcOrd="1" destOrd="0" presId="urn:microsoft.com/office/officeart/2005/8/layout/hProcess6"/>
    <dgm:cxn modelId="{CE69551A-9893-4258-B973-C48B42763839}" type="presParOf" srcId="{53E1C2B4-07B6-4CAD-9489-FBF431B021B8}" destId="{8DF5BBE0-04D8-43F3-A903-DCBBABAA0131}" srcOrd="2" destOrd="0" presId="urn:microsoft.com/office/officeart/2005/8/layout/hProcess6"/>
    <dgm:cxn modelId="{7D5447F0-9FE9-493C-88AC-63D61F1A63F1}" type="presParOf" srcId="{8DF5BBE0-04D8-43F3-A903-DCBBABAA0131}" destId="{A610C1E3-CF61-4246-8DF3-A204420F3C18}" srcOrd="0" destOrd="0" presId="urn:microsoft.com/office/officeart/2005/8/layout/hProcess6"/>
    <dgm:cxn modelId="{4555602E-0075-4256-8B09-DAB20E4AD661}" type="presParOf" srcId="{8DF5BBE0-04D8-43F3-A903-DCBBABAA0131}" destId="{480EE06A-9740-4FD3-9584-9EC9F2B5C2E5}" srcOrd="1" destOrd="0" presId="urn:microsoft.com/office/officeart/2005/8/layout/hProcess6"/>
    <dgm:cxn modelId="{47599D6E-8BF6-4032-8D7A-DD3CDC97F19B}" type="presParOf" srcId="{8DF5BBE0-04D8-43F3-A903-DCBBABAA0131}" destId="{6B6B1783-F721-442E-8A4B-10162088E0DD}" srcOrd="2" destOrd="0" presId="urn:microsoft.com/office/officeart/2005/8/layout/hProcess6"/>
    <dgm:cxn modelId="{6F61DB98-4387-493E-8B5F-C24B0DD90328}" type="presParOf" srcId="{8DF5BBE0-04D8-43F3-A903-DCBBABAA0131}" destId="{7C29C5A5-D8B2-4FDD-B18B-F9F3CE12CB23}" srcOrd="3" destOrd="0" presId="urn:microsoft.com/office/officeart/2005/8/layout/hProcess6"/>
    <dgm:cxn modelId="{652CC7A3-43F8-49F9-9FB8-59A669D03AD4}" type="presParOf" srcId="{53E1C2B4-07B6-4CAD-9489-FBF431B021B8}" destId="{E8B495BA-F94C-4010-991D-249D5A4C55C9}" srcOrd="3" destOrd="0" presId="urn:microsoft.com/office/officeart/2005/8/layout/hProcess6"/>
    <dgm:cxn modelId="{81789B16-59ED-4FAB-B5F2-1FDA77B77611}" type="presParOf" srcId="{53E1C2B4-07B6-4CAD-9489-FBF431B021B8}" destId="{50EFDFCA-4BB4-4F0B-93EA-04055F7A632E}" srcOrd="4" destOrd="0" presId="urn:microsoft.com/office/officeart/2005/8/layout/hProcess6"/>
    <dgm:cxn modelId="{9DDCC550-7249-48BE-BD96-252FC0C6838E}" type="presParOf" srcId="{50EFDFCA-4BB4-4F0B-93EA-04055F7A632E}" destId="{A27420AF-5DA7-4ABF-9EF2-6790A3889A13}" srcOrd="0" destOrd="0" presId="urn:microsoft.com/office/officeart/2005/8/layout/hProcess6"/>
    <dgm:cxn modelId="{830C7880-341D-46CE-99A9-FF5C3DD44B10}" type="presParOf" srcId="{50EFDFCA-4BB4-4F0B-93EA-04055F7A632E}" destId="{AF8E7D6C-2499-4C1E-B155-06C1A8F659B9}" srcOrd="1" destOrd="0" presId="urn:microsoft.com/office/officeart/2005/8/layout/hProcess6"/>
    <dgm:cxn modelId="{52E37F6A-C352-43B6-B40F-1095F6AE6F9D}" type="presParOf" srcId="{50EFDFCA-4BB4-4F0B-93EA-04055F7A632E}" destId="{3DEE7851-1C20-4744-8281-BFA7D55A67A1}" srcOrd="2" destOrd="0" presId="urn:microsoft.com/office/officeart/2005/8/layout/hProcess6"/>
    <dgm:cxn modelId="{282A6F2E-A3A3-42F4-AB0C-B8D155683638}" type="presParOf" srcId="{50EFDFCA-4BB4-4F0B-93EA-04055F7A632E}" destId="{87E2D3D6-56A6-43AD-9796-63E24D034A66}" srcOrd="3" destOrd="0" presId="urn:microsoft.com/office/officeart/2005/8/layout/hProcess6"/>
    <dgm:cxn modelId="{CC6E023E-92AD-450B-BE3F-0B4AE92C54A7}" type="presParOf" srcId="{53E1C2B4-07B6-4CAD-9489-FBF431B021B8}" destId="{7287B555-3BD9-47D9-874A-C8E86C205EE3}" srcOrd="5" destOrd="0" presId="urn:microsoft.com/office/officeart/2005/8/layout/hProcess6"/>
    <dgm:cxn modelId="{03A28744-5B1D-4476-92E5-8ECB1B3A1F8B}" type="presParOf" srcId="{53E1C2B4-07B6-4CAD-9489-FBF431B021B8}" destId="{E5F744EC-63C2-443E-B5D8-B36A1FB9F236}" srcOrd="6" destOrd="0" presId="urn:microsoft.com/office/officeart/2005/8/layout/hProcess6"/>
    <dgm:cxn modelId="{C91A1161-5CDA-4419-89E9-73741B58CA4F}" type="presParOf" srcId="{E5F744EC-63C2-443E-B5D8-B36A1FB9F236}" destId="{08354AD9-4615-4470-B649-A2E4A710711C}" srcOrd="0" destOrd="0" presId="urn:microsoft.com/office/officeart/2005/8/layout/hProcess6"/>
    <dgm:cxn modelId="{9863C2F1-87FD-4ABA-8EEC-0D073DD25A22}" type="presParOf" srcId="{E5F744EC-63C2-443E-B5D8-B36A1FB9F236}" destId="{ADC03922-F001-485D-B571-42B4F510FC44}" srcOrd="1" destOrd="0" presId="urn:microsoft.com/office/officeart/2005/8/layout/hProcess6"/>
    <dgm:cxn modelId="{204F958F-880B-431D-89B9-E66E7862D4F0}" type="presParOf" srcId="{E5F744EC-63C2-443E-B5D8-B36A1FB9F236}" destId="{9544B060-D82A-4647-84DF-8FF2DF6C9CDF}" srcOrd="2" destOrd="0" presId="urn:microsoft.com/office/officeart/2005/8/layout/hProcess6"/>
    <dgm:cxn modelId="{7E3B81C0-021C-4C33-B855-54D4BAB8CBA0}" type="presParOf" srcId="{E5F744EC-63C2-443E-B5D8-B36A1FB9F236}" destId="{D1C9863D-A4E7-4773-8BD0-699A7E92CB21}" srcOrd="3" destOrd="0" presId="urn:microsoft.com/office/officeart/2005/8/layout/hProcess6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8A4DD14-E1E4-435F-8EEC-DAB464A2B0AB}" type="doc">
      <dgm:prSet loTypeId="urn:microsoft.com/office/officeart/2005/8/layout/hierarchy3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it-IT"/>
        </a:p>
      </dgm:t>
    </dgm:pt>
    <dgm:pt modelId="{4BC6E444-AF87-43C9-B1C0-63A7F4B9BF02}">
      <dgm:prSet phldrT="[Testo]"/>
      <dgm:spPr>
        <a:solidFill>
          <a:srgbClr val="203876"/>
        </a:solidFill>
        <a:ln>
          <a:solidFill>
            <a:srgbClr val="DA743B"/>
          </a:solidFill>
        </a:ln>
      </dgm:spPr>
      <dgm:t>
        <a:bodyPr/>
        <a:lstStyle/>
        <a:p>
          <a:r>
            <a:rPr lang="it-IT" dirty="0">
              <a:solidFill>
                <a:srgbClr val="DA743B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Integrate the </a:t>
          </a:r>
          <a:r>
            <a:rPr lang="it-IT" dirty="0" err="1">
              <a:solidFill>
                <a:srgbClr val="DA743B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Airsim</a:t>
          </a:r>
          <a:r>
            <a:rPr lang="it-IT" dirty="0">
              <a:solidFill>
                <a:srgbClr val="DA743B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 </a:t>
          </a:r>
          <a:r>
            <a:rPr lang="it-IT" dirty="0" err="1">
              <a:solidFill>
                <a:srgbClr val="DA743B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environement</a:t>
          </a:r>
          <a:endParaRPr lang="it-IT" dirty="0">
            <a:solidFill>
              <a:srgbClr val="DA743B"/>
            </a:solidFill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AB6B21CA-9DC1-4A56-A7CB-FFCAA4EBCA77}" type="parTrans" cxnId="{B275C6E3-1E99-4910-89FF-49A051E1882B}">
      <dgm:prSet/>
      <dgm:spPr/>
      <dgm:t>
        <a:bodyPr/>
        <a:lstStyle/>
        <a:p>
          <a:endParaRPr lang="it-IT"/>
        </a:p>
      </dgm:t>
    </dgm:pt>
    <dgm:pt modelId="{13DDEF85-2E68-4AEB-9388-7DEE96E397C8}" type="sibTrans" cxnId="{B275C6E3-1E99-4910-89FF-49A051E1882B}">
      <dgm:prSet/>
      <dgm:spPr/>
      <dgm:t>
        <a:bodyPr/>
        <a:lstStyle/>
        <a:p>
          <a:endParaRPr lang="it-IT"/>
        </a:p>
      </dgm:t>
    </dgm:pt>
    <dgm:pt modelId="{68EA2687-9439-42E7-90C9-55E192EC6A3C}">
      <dgm:prSet phldrT="[Testo]"/>
      <dgm:spPr>
        <a:solidFill>
          <a:srgbClr val="DA743B"/>
        </a:solidFill>
        <a:ln>
          <a:solidFill>
            <a:srgbClr val="203876"/>
          </a:solidFill>
        </a:ln>
      </dgm:spPr>
      <dgm:t>
        <a:bodyPr/>
        <a:lstStyle/>
        <a:p>
          <a:endParaRPr lang="it-IT" dirty="0">
            <a:solidFill>
              <a:srgbClr val="DA743B"/>
            </a:solidFill>
          </a:endParaRPr>
        </a:p>
      </dgm:t>
    </dgm:pt>
    <dgm:pt modelId="{442F9546-0581-43A5-8D08-666643301FC5}" type="parTrans" cxnId="{0720BD84-397B-4F33-ADD7-77E7C3747A8D}">
      <dgm:prSet/>
      <dgm:spPr/>
      <dgm:t>
        <a:bodyPr/>
        <a:lstStyle/>
        <a:p>
          <a:endParaRPr lang="it-IT"/>
        </a:p>
      </dgm:t>
    </dgm:pt>
    <dgm:pt modelId="{A22009A8-492A-41A6-B545-08424DA1560C}" type="sibTrans" cxnId="{0720BD84-397B-4F33-ADD7-77E7C3747A8D}">
      <dgm:prSet/>
      <dgm:spPr/>
      <dgm:t>
        <a:bodyPr/>
        <a:lstStyle/>
        <a:p>
          <a:endParaRPr lang="it-IT"/>
        </a:p>
      </dgm:t>
    </dgm:pt>
    <dgm:pt modelId="{FF0880A3-19CD-4F4C-BECD-665A82C44C2E}">
      <dgm:prSet phldrT="[Testo]"/>
      <dgm:spPr>
        <a:solidFill>
          <a:srgbClr val="203876"/>
        </a:solidFill>
        <a:ln>
          <a:solidFill>
            <a:srgbClr val="DA743B"/>
          </a:solidFill>
        </a:ln>
      </dgm:spPr>
      <dgm:t>
        <a:bodyPr/>
        <a:lstStyle/>
        <a:p>
          <a:r>
            <a:rPr lang="it-IT" dirty="0">
              <a:solidFill>
                <a:srgbClr val="DA743B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Simulator</a:t>
          </a:r>
        </a:p>
      </dgm:t>
    </dgm:pt>
    <dgm:pt modelId="{D808790B-23E0-4CC8-8963-E53586B4298B}" type="parTrans" cxnId="{E25F1014-0315-4B7D-AC62-92D0AB4C6D02}">
      <dgm:prSet/>
      <dgm:spPr/>
      <dgm:t>
        <a:bodyPr/>
        <a:lstStyle/>
        <a:p>
          <a:endParaRPr lang="it-IT"/>
        </a:p>
      </dgm:t>
    </dgm:pt>
    <dgm:pt modelId="{AF44175C-B096-4A31-9022-C2611D26CDC2}" type="sibTrans" cxnId="{E25F1014-0315-4B7D-AC62-92D0AB4C6D02}">
      <dgm:prSet/>
      <dgm:spPr/>
      <dgm:t>
        <a:bodyPr/>
        <a:lstStyle/>
        <a:p>
          <a:endParaRPr lang="it-IT"/>
        </a:p>
      </dgm:t>
    </dgm:pt>
    <dgm:pt modelId="{96531855-0F46-47BA-8DA6-E626DF977FE2}">
      <dgm:prSet phldrT="[Testo]"/>
      <dgm:spPr>
        <a:solidFill>
          <a:srgbClr val="203876"/>
        </a:solidFill>
        <a:ln>
          <a:solidFill>
            <a:srgbClr val="DA743B"/>
          </a:solidFill>
        </a:ln>
      </dgm:spPr>
      <dgm:t>
        <a:bodyPr/>
        <a:lstStyle/>
        <a:p>
          <a:r>
            <a:rPr lang="it-IT" dirty="0" err="1">
              <a:solidFill>
                <a:srgbClr val="DA743B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Results</a:t>
          </a:r>
          <a:r>
            <a:rPr lang="it-IT" dirty="0">
              <a:solidFill>
                <a:srgbClr val="DA743B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 output</a:t>
          </a:r>
        </a:p>
      </dgm:t>
    </dgm:pt>
    <dgm:pt modelId="{A2F0A2BE-52BC-4E19-A057-9A45358260A6}" type="parTrans" cxnId="{D6E71027-A6E0-46FB-8365-48DB9A413469}">
      <dgm:prSet/>
      <dgm:spPr/>
      <dgm:t>
        <a:bodyPr/>
        <a:lstStyle/>
        <a:p>
          <a:endParaRPr lang="it-IT"/>
        </a:p>
      </dgm:t>
    </dgm:pt>
    <dgm:pt modelId="{734EE732-F0C9-45C1-A8C6-CFACE6C6B253}" type="sibTrans" cxnId="{D6E71027-A6E0-46FB-8365-48DB9A413469}">
      <dgm:prSet/>
      <dgm:spPr/>
      <dgm:t>
        <a:bodyPr/>
        <a:lstStyle/>
        <a:p>
          <a:endParaRPr lang="it-IT"/>
        </a:p>
      </dgm:t>
    </dgm:pt>
    <dgm:pt modelId="{343DA802-8B8D-489A-A9D9-25A034038ED3}">
      <dgm:prSet phldrT="[Testo]"/>
      <dgm:spPr>
        <a:solidFill>
          <a:srgbClr val="DA743B"/>
        </a:solidFill>
        <a:ln>
          <a:solidFill>
            <a:srgbClr val="203876"/>
          </a:solidFill>
        </a:ln>
      </dgm:spPr>
      <dgm:t>
        <a:bodyPr/>
        <a:lstStyle/>
        <a:p>
          <a:endParaRPr lang="it-IT" dirty="0">
            <a:solidFill>
              <a:srgbClr val="DA743B"/>
            </a:solidFill>
          </a:endParaRPr>
        </a:p>
      </dgm:t>
    </dgm:pt>
    <dgm:pt modelId="{CFDFBEDF-AA8F-43A8-A4EC-404EBEA250AC}" type="parTrans" cxnId="{6B72A1A2-6FA0-4CF2-A59E-B384391D0183}">
      <dgm:prSet/>
      <dgm:spPr/>
      <dgm:t>
        <a:bodyPr/>
        <a:lstStyle/>
        <a:p>
          <a:endParaRPr lang="it-IT"/>
        </a:p>
      </dgm:t>
    </dgm:pt>
    <dgm:pt modelId="{CBA4B15C-5195-4AB6-84BD-653B84C1966C}" type="sibTrans" cxnId="{6B72A1A2-6FA0-4CF2-A59E-B384391D0183}">
      <dgm:prSet/>
      <dgm:spPr/>
      <dgm:t>
        <a:bodyPr/>
        <a:lstStyle/>
        <a:p>
          <a:endParaRPr lang="it-IT"/>
        </a:p>
      </dgm:t>
    </dgm:pt>
    <dgm:pt modelId="{87145D61-937C-4AA6-A0EB-DDA5C30ACFE3}">
      <dgm:prSet phldrT="[Testo]"/>
      <dgm:spPr>
        <a:solidFill>
          <a:srgbClr val="203876"/>
        </a:solidFill>
        <a:ln>
          <a:solidFill>
            <a:srgbClr val="DA743B"/>
          </a:solidFill>
        </a:ln>
      </dgm:spPr>
      <dgm:t>
        <a:bodyPr/>
        <a:lstStyle/>
        <a:p>
          <a:endParaRPr lang="it-IT" dirty="0">
            <a:solidFill>
              <a:srgbClr val="DA743B"/>
            </a:solidFill>
          </a:endParaRPr>
        </a:p>
      </dgm:t>
    </dgm:pt>
    <dgm:pt modelId="{21469676-7AA2-4E16-8C52-76EB559065C7}" type="parTrans" cxnId="{3B33D47E-CCB3-4225-895E-49EA9ECE070A}">
      <dgm:prSet/>
      <dgm:spPr/>
      <dgm:t>
        <a:bodyPr/>
        <a:lstStyle/>
        <a:p>
          <a:endParaRPr lang="it-IT"/>
        </a:p>
      </dgm:t>
    </dgm:pt>
    <dgm:pt modelId="{83E562A9-D970-4A34-A9F3-35471CF9C71D}" type="sibTrans" cxnId="{3B33D47E-CCB3-4225-895E-49EA9ECE070A}">
      <dgm:prSet/>
      <dgm:spPr/>
      <dgm:t>
        <a:bodyPr/>
        <a:lstStyle/>
        <a:p>
          <a:endParaRPr lang="it-IT"/>
        </a:p>
      </dgm:t>
    </dgm:pt>
    <dgm:pt modelId="{8005C019-CD66-4032-B3E9-F2AB92082822}">
      <dgm:prSet phldrT="[Testo]"/>
      <dgm:spPr>
        <a:solidFill>
          <a:srgbClr val="DA743B">
            <a:alpha val="90000"/>
          </a:srgbClr>
        </a:solidFill>
        <a:ln>
          <a:solidFill>
            <a:srgbClr val="203876"/>
          </a:solidFill>
        </a:ln>
      </dgm:spPr>
      <dgm:t>
        <a:bodyPr/>
        <a:lstStyle/>
        <a:p>
          <a:endParaRPr lang="it-IT" dirty="0"/>
        </a:p>
      </dgm:t>
    </dgm:pt>
    <dgm:pt modelId="{CC518871-CFC3-4491-B2B9-910D2CC6809F}" type="parTrans" cxnId="{A20B9DA4-2974-4B0E-8155-576766D882AD}">
      <dgm:prSet/>
      <dgm:spPr/>
      <dgm:t>
        <a:bodyPr/>
        <a:lstStyle/>
        <a:p>
          <a:endParaRPr lang="it-IT"/>
        </a:p>
      </dgm:t>
    </dgm:pt>
    <dgm:pt modelId="{D28AA299-5302-45D2-AA7D-5D6710BBB27F}" type="sibTrans" cxnId="{A20B9DA4-2974-4B0E-8155-576766D882AD}">
      <dgm:prSet/>
      <dgm:spPr/>
      <dgm:t>
        <a:bodyPr/>
        <a:lstStyle/>
        <a:p>
          <a:endParaRPr lang="it-IT"/>
        </a:p>
      </dgm:t>
    </dgm:pt>
    <dgm:pt modelId="{6990B81A-D276-4448-AD6E-FF148A5D8A83}">
      <dgm:prSet phldrT="[Testo]"/>
      <dgm:spPr>
        <a:solidFill>
          <a:srgbClr val="DA743B">
            <a:alpha val="90000"/>
          </a:srgbClr>
        </a:solidFill>
        <a:ln>
          <a:solidFill>
            <a:srgbClr val="203876"/>
          </a:solidFill>
        </a:ln>
      </dgm:spPr>
      <dgm:t>
        <a:bodyPr/>
        <a:lstStyle/>
        <a:p>
          <a:endParaRPr lang="it-IT" dirty="0"/>
        </a:p>
      </dgm:t>
    </dgm:pt>
    <dgm:pt modelId="{E787C01B-959C-4E6D-97EA-6EEC06B49900}" type="parTrans" cxnId="{21C80D53-5B5D-4DE8-A7C8-2679EC004C0E}">
      <dgm:prSet/>
      <dgm:spPr/>
      <dgm:t>
        <a:bodyPr/>
        <a:lstStyle/>
        <a:p>
          <a:endParaRPr lang="it-IT"/>
        </a:p>
      </dgm:t>
    </dgm:pt>
    <dgm:pt modelId="{DD1D98EB-7F46-4C3C-853A-3514C01368D7}" type="sibTrans" cxnId="{21C80D53-5B5D-4DE8-A7C8-2679EC004C0E}">
      <dgm:prSet/>
      <dgm:spPr/>
      <dgm:t>
        <a:bodyPr/>
        <a:lstStyle/>
        <a:p>
          <a:endParaRPr lang="it-IT"/>
        </a:p>
      </dgm:t>
    </dgm:pt>
    <dgm:pt modelId="{B841C744-22E7-4DB3-9701-84D255134A2E}">
      <dgm:prSet phldrT="[Testo]"/>
      <dgm:spPr>
        <a:solidFill>
          <a:srgbClr val="DA743B">
            <a:alpha val="90000"/>
          </a:srgbClr>
        </a:solidFill>
        <a:ln>
          <a:solidFill>
            <a:srgbClr val="203876"/>
          </a:solidFill>
        </a:ln>
      </dgm:spPr>
      <dgm:t>
        <a:bodyPr/>
        <a:lstStyle/>
        <a:p>
          <a:endParaRPr lang="it-IT" dirty="0"/>
        </a:p>
      </dgm:t>
    </dgm:pt>
    <dgm:pt modelId="{A1825C35-4361-4159-BEF7-F4DE81E094EC}" type="parTrans" cxnId="{908D8A93-A080-4818-8F30-169A754A01C1}">
      <dgm:prSet/>
      <dgm:spPr/>
      <dgm:t>
        <a:bodyPr/>
        <a:lstStyle/>
        <a:p>
          <a:endParaRPr lang="it-IT"/>
        </a:p>
      </dgm:t>
    </dgm:pt>
    <dgm:pt modelId="{41966AA9-8CC7-4BA5-8614-9E922A9D532B}" type="sibTrans" cxnId="{908D8A93-A080-4818-8F30-169A754A01C1}">
      <dgm:prSet/>
      <dgm:spPr/>
      <dgm:t>
        <a:bodyPr/>
        <a:lstStyle/>
        <a:p>
          <a:endParaRPr lang="it-IT"/>
        </a:p>
      </dgm:t>
    </dgm:pt>
    <dgm:pt modelId="{566280FF-9D16-4AC5-A555-E539480BAB47}">
      <dgm:prSet phldrT="[Testo]"/>
      <dgm:spPr>
        <a:solidFill>
          <a:srgbClr val="DA743B">
            <a:alpha val="90000"/>
          </a:srgbClr>
        </a:solidFill>
        <a:ln>
          <a:solidFill>
            <a:srgbClr val="203876"/>
          </a:solidFill>
        </a:ln>
      </dgm:spPr>
      <dgm:t>
        <a:bodyPr/>
        <a:lstStyle/>
        <a:p>
          <a:endParaRPr lang="it-IT" dirty="0"/>
        </a:p>
      </dgm:t>
    </dgm:pt>
    <dgm:pt modelId="{5E37BE83-EBA5-4EE5-83C7-8CB20FD26FD2}" type="parTrans" cxnId="{304CBD0D-A992-47AB-9688-59414301603C}">
      <dgm:prSet/>
      <dgm:spPr/>
      <dgm:t>
        <a:bodyPr/>
        <a:lstStyle/>
        <a:p>
          <a:endParaRPr lang="it-IT"/>
        </a:p>
      </dgm:t>
    </dgm:pt>
    <dgm:pt modelId="{D3479BD6-ECBA-4B62-8F29-5C791BF84883}" type="sibTrans" cxnId="{304CBD0D-A992-47AB-9688-59414301603C}">
      <dgm:prSet/>
      <dgm:spPr/>
      <dgm:t>
        <a:bodyPr/>
        <a:lstStyle/>
        <a:p>
          <a:endParaRPr lang="it-IT"/>
        </a:p>
      </dgm:t>
    </dgm:pt>
    <dgm:pt modelId="{49D018B1-C17A-499C-8755-184D988DE527}">
      <dgm:prSet phldrT="[Testo]"/>
      <dgm:spPr>
        <a:solidFill>
          <a:srgbClr val="203876"/>
        </a:solidFill>
        <a:ln>
          <a:solidFill>
            <a:srgbClr val="DA743B"/>
          </a:solidFill>
        </a:ln>
      </dgm:spPr>
      <dgm:t>
        <a:bodyPr/>
        <a:lstStyle/>
        <a:p>
          <a:endParaRPr lang="it-IT" dirty="0">
            <a:solidFill>
              <a:srgbClr val="DA743B"/>
            </a:solidFill>
          </a:endParaRPr>
        </a:p>
      </dgm:t>
    </dgm:pt>
    <dgm:pt modelId="{D8E331C2-1013-405C-8EE3-EA90212A0A87}" type="parTrans" cxnId="{63577AF1-84E3-4A37-B4C2-BDB3EBCF0EEC}">
      <dgm:prSet/>
      <dgm:spPr/>
      <dgm:t>
        <a:bodyPr/>
        <a:lstStyle/>
        <a:p>
          <a:endParaRPr lang="it-IT"/>
        </a:p>
      </dgm:t>
    </dgm:pt>
    <dgm:pt modelId="{12841E18-4014-4DF0-9032-0FF56A7C13A3}" type="sibTrans" cxnId="{63577AF1-84E3-4A37-B4C2-BDB3EBCF0EEC}">
      <dgm:prSet/>
      <dgm:spPr/>
      <dgm:t>
        <a:bodyPr/>
        <a:lstStyle/>
        <a:p>
          <a:endParaRPr lang="it-IT"/>
        </a:p>
      </dgm:t>
    </dgm:pt>
    <dgm:pt modelId="{F8830869-9A5C-4231-A776-6D1B4F40735A}">
      <dgm:prSet phldrT="[Testo]"/>
      <dgm:spPr>
        <a:solidFill>
          <a:srgbClr val="DA743B"/>
        </a:solidFill>
        <a:ln>
          <a:solidFill>
            <a:srgbClr val="203876"/>
          </a:solidFill>
        </a:ln>
      </dgm:spPr>
      <dgm:t>
        <a:bodyPr/>
        <a:lstStyle/>
        <a:p>
          <a:endParaRPr lang="it-IT" dirty="0">
            <a:solidFill>
              <a:srgbClr val="DA743B"/>
            </a:solidFill>
          </a:endParaRPr>
        </a:p>
      </dgm:t>
    </dgm:pt>
    <dgm:pt modelId="{1DA7E91D-1C7D-4CE5-A4B8-267BB3B08A20}" type="parTrans" cxnId="{80844D33-3A15-4C54-9EAD-B55809B83D15}">
      <dgm:prSet/>
      <dgm:spPr/>
      <dgm:t>
        <a:bodyPr/>
        <a:lstStyle/>
        <a:p>
          <a:endParaRPr lang="it-IT"/>
        </a:p>
      </dgm:t>
    </dgm:pt>
    <dgm:pt modelId="{F5AC9996-E011-4647-B8A8-70A609B1CAFA}" type="sibTrans" cxnId="{80844D33-3A15-4C54-9EAD-B55809B83D15}">
      <dgm:prSet/>
      <dgm:spPr/>
      <dgm:t>
        <a:bodyPr/>
        <a:lstStyle/>
        <a:p>
          <a:endParaRPr lang="it-IT"/>
        </a:p>
      </dgm:t>
    </dgm:pt>
    <dgm:pt modelId="{0F37E74F-6CE8-4C30-AC54-B61BC4EBCD39}">
      <dgm:prSet phldrT="[Testo]"/>
      <dgm:spPr>
        <a:solidFill>
          <a:srgbClr val="DA743B"/>
        </a:solidFill>
        <a:ln>
          <a:solidFill>
            <a:srgbClr val="203876"/>
          </a:solidFill>
        </a:ln>
      </dgm:spPr>
      <dgm:t>
        <a:bodyPr/>
        <a:lstStyle/>
        <a:p>
          <a:endParaRPr lang="it-IT" dirty="0">
            <a:solidFill>
              <a:srgbClr val="DA743B"/>
            </a:solidFill>
          </a:endParaRPr>
        </a:p>
      </dgm:t>
    </dgm:pt>
    <dgm:pt modelId="{49E2484A-92E9-4830-9FB2-FD8D75B45FFE}" type="parTrans" cxnId="{023B1670-DDA8-4F36-B369-841C0CF435E3}">
      <dgm:prSet/>
      <dgm:spPr/>
      <dgm:t>
        <a:bodyPr/>
        <a:lstStyle/>
        <a:p>
          <a:endParaRPr lang="it-IT"/>
        </a:p>
      </dgm:t>
    </dgm:pt>
    <dgm:pt modelId="{F7A0E220-B49D-4203-B012-7183AD6AC0C2}" type="sibTrans" cxnId="{023B1670-DDA8-4F36-B369-841C0CF435E3}">
      <dgm:prSet/>
      <dgm:spPr/>
      <dgm:t>
        <a:bodyPr/>
        <a:lstStyle/>
        <a:p>
          <a:endParaRPr lang="it-IT"/>
        </a:p>
      </dgm:t>
    </dgm:pt>
    <dgm:pt modelId="{A6C82898-EF07-4912-8BF8-56938E6110FF}">
      <dgm:prSet phldrT="[Testo]"/>
      <dgm:spPr>
        <a:solidFill>
          <a:srgbClr val="DA743B">
            <a:alpha val="90000"/>
          </a:srgbClr>
        </a:solidFill>
        <a:ln>
          <a:solidFill>
            <a:srgbClr val="203876"/>
          </a:solidFill>
        </a:ln>
      </dgm:spPr>
      <dgm:t>
        <a:bodyPr/>
        <a:lstStyle/>
        <a:p>
          <a:endParaRPr lang="it-IT" dirty="0"/>
        </a:p>
      </dgm:t>
    </dgm:pt>
    <dgm:pt modelId="{6ECFB441-1585-4A6E-90B1-DF3C77B175C4}" type="parTrans" cxnId="{4954C1D9-63DA-4435-BF42-263A8166ACC0}">
      <dgm:prSet/>
      <dgm:spPr/>
    </dgm:pt>
    <dgm:pt modelId="{DD88537D-3EA9-4346-B65F-30A84CFA7003}" type="sibTrans" cxnId="{4954C1D9-63DA-4435-BF42-263A8166ACC0}">
      <dgm:prSet/>
      <dgm:spPr/>
    </dgm:pt>
    <dgm:pt modelId="{C330E210-4D28-4C38-AB52-554F116F38BE}">
      <dgm:prSet phldrT="[Testo]"/>
      <dgm:spPr>
        <a:solidFill>
          <a:srgbClr val="DA743B">
            <a:alpha val="90000"/>
          </a:srgbClr>
        </a:solidFill>
        <a:ln>
          <a:solidFill>
            <a:srgbClr val="203876"/>
          </a:solidFill>
        </a:ln>
      </dgm:spPr>
      <dgm:t>
        <a:bodyPr/>
        <a:lstStyle/>
        <a:p>
          <a:endParaRPr lang="it-IT" dirty="0"/>
        </a:p>
      </dgm:t>
    </dgm:pt>
    <dgm:pt modelId="{6BF75953-5FB8-44EA-8DAC-EAEA553209A8}" type="parTrans" cxnId="{F68718BC-8C25-424A-BC17-0B6A816ED138}">
      <dgm:prSet/>
      <dgm:spPr/>
    </dgm:pt>
    <dgm:pt modelId="{E9EC69BA-E9AA-4736-B35C-22BAA5B33930}" type="sibTrans" cxnId="{F68718BC-8C25-424A-BC17-0B6A816ED138}">
      <dgm:prSet/>
      <dgm:spPr/>
    </dgm:pt>
    <dgm:pt modelId="{B017B7CA-6D49-4222-8876-917CDF73C4C9}" type="pres">
      <dgm:prSet presAssocID="{C8A4DD14-E1E4-435F-8EEC-DAB464A2B0AB}" presName="diagram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D3D6ADA1-5919-469C-8FE0-D8D0762C5EC5}" type="pres">
      <dgm:prSet presAssocID="{87145D61-937C-4AA6-A0EB-DDA5C30ACFE3}" presName="root" presStyleCnt="0"/>
      <dgm:spPr/>
    </dgm:pt>
    <dgm:pt modelId="{372C048F-F14B-4878-83B3-12B01A1D1513}" type="pres">
      <dgm:prSet presAssocID="{87145D61-937C-4AA6-A0EB-DDA5C30ACFE3}" presName="rootComposite" presStyleCnt="0"/>
      <dgm:spPr/>
    </dgm:pt>
    <dgm:pt modelId="{00A1793A-3F30-4AB7-9B47-601FF0B29C21}" type="pres">
      <dgm:prSet presAssocID="{87145D61-937C-4AA6-A0EB-DDA5C30ACFE3}" presName="rootText" presStyleLbl="node1" presStyleIdx="0" presStyleCnt="5"/>
      <dgm:spPr/>
    </dgm:pt>
    <dgm:pt modelId="{11449D13-5448-449A-9709-A84939DBAEA0}" type="pres">
      <dgm:prSet presAssocID="{87145D61-937C-4AA6-A0EB-DDA5C30ACFE3}" presName="rootConnector" presStyleLbl="node1" presStyleIdx="0" presStyleCnt="5"/>
      <dgm:spPr/>
    </dgm:pt>
    <dgm:pt modelId="{314F0FEE-2B25-4009-8A99-9672AFC21416}" type="pres">
      <dgm:prSet presAssocID="{87145D61-937C-4AA6-A0EB-DDA5C30ACFE3}" presName="childShape" presStyleCnt="0"/>
      <dgm:spPr/>
    </dgm:pt>
    <dgm:pt modelId="{6FAE426A-BBDE-45E6-AC24-F00F2F4FB22A}" type="pres">
      <dgm:prSet presAssocID="{CFDFBEDF-AA8F-43A8-A4EC-404EBEA250AC}" presName="Name13" presStyleLbl="parChTrans1D2" presStyleIdx="0" presStyleCnt="10"/>
      <dgm:spPr/>
    </dgm:pt>
    <dgm:pt modelId="{C7BDC047-4935-4958-82FE-E3ABFE3F58EC}" type="pres">
      <dgm:prSet presAssocID="{343DA802-8B8D-489A-A9D9-25A034038ED3}" presName="childText" presStyleLbl="bgAcc1" presStyleIdx="0" presStyleCnt="10">
        <dgm:presLayoutVars>
          <dgm:bulletEnabled val="1"/>
        </dgm:presLayoutVars>
      </dgm:prSet>
      <dgm:spPr/>
    </dgm:pt>
    <dgm:pt modelId="{628ED87A-FC24-47F3-B168-691A6D8781DA}" type="pres">
      <dgm:prSet presAssocID="{4BC6E444-AF87-43C9-B1C0-63A7F4B9BF02}" presName="root" presStyleCnt="0"/>
      <dgm:spPr/>
    </dgm:pt>
    <dgm:pt modelId="{5446DAAC-B742-43C5-87C4-304DBD5D169C}" type="pres">
      <dgm:prSet presAssocID="{4BC6E444-AF87-43C9-B1C0-63A7F4B9BF02}" presName="rootComposite" presStyleCnt="0"/>
      <dgm:spPr/>
    </dgm:pt>
    <dgm:pt modelId="{39BD9A60-1BB2-4B1D-8391-D9443EC08E79}" type="pres">
      <dgm:prSet presAssocID="{4BC6E444-AF87-43C9-B1C0-63A7F4B9BF02}" presName="rootText" presStyleLbl="node1" presStyleIdx="1" presStyleCnt="5"/>
      <dgm:spPr/>
    </dgm:pt>
    <dgm:pt modelId="{3EF98028-597D-46A3-991F-FF5BA62E666F}" type="pres">
      <dgm:prSet presAssocID="{4BC6E444-AF87-43C9-B1C0-63A7F4B9BF02}" presName="rootConnector" presStyleLbl="node1" presStyleIdx="1" presStyleCnt="5"/>
      <dgm:spPr/>
    </dgm:pt>
    <dgm:pt modelId="{FEB30D90-CABC-4BA9-9A05-248BCEB900CE}" type="pres">
      <dgm:prSet presAssocID="{4BC6E444-AF87-43C9-B1C0-63A7F4B9BF02}" presName="childShape" presStyleCnt="0"/>
      <dgm:spPr/>
    </dgm:pt>
    <dgm:pt modelId="{BB947004-A2D2-4C10-940F-4F964F34D9C2}" type="pres">
      <dgm:prSet presAssocID="{E787C01B-959C-4E6D-97EA-6EEC06B49900}" presName="Name13" presStyleLbl="parChTrans1D2" presStyleIdx="1" presStyleCnt="10"/>
      <dgm:spPr/>
    </dgm:pt>
    <dgm:pt modelId="{C947BC2A-B9E9-4316-81DD-F1AC305C97A0}" type="pres">
      <dgm:prSet presAssocID="{6990B81A-D276-4448-AD6E-FF148A5D8A83}" presName="childText" presStyleLbl="bgAcc1" presStyleIdx="1" presStyleCnt="10">
        <dgm:presLayoutVars>
          <dgm:bulletEnabled val="1"/>
        </dgm:presLayoutVars>
      </dgm:prSet>
      <dgm:spPr/>
    </dgm:pt>
    <dgm:pt modelId="{04D6C299-A752-41D1-969C-121708138825}" type="pres">
      <dgm:prSet presAssocID="{A1825C35-4361-4159-BEF7-F4DE81E094EC}" presName="Name13" presStyleLbl="parChTrans1D2" presStyleIdx="2" presStyleCnt="10"/>
      <dgm:spPr/>
    </dgm:pt>
    <dgm:pt modelId="{2C241200-5A58-4F89-9E4B-9D754E8AC58E}" type="pres">
      <dgm:prSet presAssocID="{B841C744-22E7-4DB3-9701-84D255134A2E}" presName="childText" presStyleLbl="bgAcc1" presStyleIdx="2" presStyleCnt="10">
        <dgm:presLayoutVars>
          <dgm:bulletEnabled val="1"/>
        </dgm:presLayoutVars>
      </dgm:prSet>
      <dgm:spPr/>
    </dgm:pt>
    <dgm:pt modelId="{AA7C11C6-7D71-4702-9464-837B23A72B6C}" type="pres">
      <dgm:prSet presAssocID="{5E37BE83-EBA5-4EE5-83C7-8CB20FD26FD2}" presName="Name13" presStyleLbl="parChTrans1D2" presStyleIdx="3" presStyleCnt="10"/>
      <dgm:spPr/>
    </dgm:pt>
    <dgm:pt modelId="{7897F18F-B374-4CBA-B6B2-A0E2A3CCDA34}" type="pres">
      <dgm:prSet presAssocID="{566280FF-9D16-4AC5-A555-E539480BAB47}" presName="childText" presStyleLbl="bgAcc1" presStyleIdx="3" presStyleCnt="10">
        <dgm:presLayoutVars>
          <dgm:bulletEnabled val="1"/>
        </dgm:presLayoutVars>
      </dgm:prSet>
      <dgm:spPr/>
    </dgm:pt>
    <dgm:pt modelId="{F5DBD996-E447-406A-B4CA-F35406647236}" type="pres">
      <dgm:prSet presAssocID="{CC518871-CFC3-4491-B2B9-910D2CC6809F}" presName="Name13" presStyleLbl="parChTrans1D2" presStyleIdx="4" presStyleCnt="10"/>
      <dgm:spPr/>
    </dgm:pt>
    <dgm:pt modelId="{C58AB54F-E5D2-4AF7-BA8E-785EF0F9A8FD}" type="pres">
      <dgm:prSet presAssocID="{8005C019-CD66-4032-B3E9-F2AB92082822}" presName="childText" presStyleLbl="bgAcc1" presStyleIdx="4" presStyleCnt="10">
        <dgm:presLayoutVars>
          <dgm:bulletEnabled val="1"/>
        </dgm:presLayoutVars>
      </dgm:prSet>
      <dgm:spPr/>
    </dgm:pt>
    <dgm:pt modelId="{33E334B2-10AB-4681-A21C-9B7D48957AE8}" type="pres">
      <dgm:prSet presAssocID="{49D018B1-C17A-499C-8755-184D988DE527}" presName="root" presStyleCnt="0"/>
      <dgm:spPr/>
    </dgm:pt>
    <dgm:pt modelId="{D2CC828E-35BF-4CBF-8124-B4F3C94EF165}" type="pres">
      <dgm:prSet presAssocID="{49D018B1-C17A-499C-8755-184D988DE527}" presName="rootComposite" presStyleCnt="0"/>
      <dgm:spPr/>
    </dgm:pt>
    <dgm:pt modelId="{20203D50-486C-4C61-98E8-081C29B08E90}" type="pres">
      <dgm:prSet presAssocID="{49D018B1-C17A-499C-8755-184D988DE527}" presName="rootText" presStyleLbl="node1" presStyleIdx="2" presStyleCnt="5"/>
      <dgm:spPr/>
    </dgm:pt>
    <dgm:pt modelId="{1623931D-2671-489E-B94A-D10566EAEFFE}" type="pres">
      <dgm:prSet presAssocID="{49D018B1-C17A-499C-8755-184D988DE527}" presName="rootConnector" presStyleLbl="node1" presStyleIdx="2" presStyleCnt="5"/>
      <dgm:spPr/>
    </dgm:pt>
    <dgm:pt modelId="{79263BEE-A158-4E00-BAF9-673404BCE6DC}" type="pres">
      <dgm:prSet presAssocID="{49D018B1-C17A-499C-8755-184D988DE527}" presName="childShape" presStyleCnt="0"/>
      <dgm:spPr/>
    </dgm:pt>
    <dgm:pt modelId="{0CCE5F86-5CD9-4E4E-88A3-CDEFE47F53F3}" type="pres">
      <dgm:prSet presAssocID="{1DA7E91D-1C7D-4CE5-A4B8-267BB3B08A20}" presName="Name13" presStyleLbl="parChTrans1D2" presStyleIdx="5" presStyleCnt="10"/>
      <dgm:spPr/>
    </dgm:pt>
    <dgm:pt modelId="{B5D569AD-F281-4845-BA1C-8FD4FF5E4C5D}" type="pres">
      <dgm:prSet presAssocID="{F8830869-9A5C-4231-A776-6D1B4F40735A}" presName="childText" presStyleLbl="bgAcc1" presStyleIdx="5" presStyleCnt="10">
        <dgm:presLayoutVars>
          <dgm:bulletEnabled val="1"/>
        </dgm:presLayoutVars>
      </dgm:prSet>
      <dgm:spPr/>
    </dgm:pt>
    <dgm:pt modelId="{D5463983-C702-465E-B17A-A3AA5BC999AC}" type="pres">
      <dgm:prSet presAssocID="{49E2484A-92E9-4830-9FB2-FD8D75B45FFE}" presName="Name13" presStyleLbl="parChTrans1D2" presStyleIdx="6" presStyleCnt="10"/>
      <dgm:spPr/>
    </dgm:pt>
    <dgm:pt modelId="{AD229971-8784-4DAB-B011-12F303B20F40}" type="pres">
      <dgm:prSet presAssocID="{0F37E74F-6CE8-4C30-AC54-B61BC4EBCD39}" presName="childText" presStyleLbl="bgAcc1" presStyleIdx="6" presStyleCnt="10">
        <dgm:presLayoutVars>
          <dgm:bulletEnabled val="1"/>
        </dgm:presLayoutVars>
      </dgm:prSet>
      <dgm:spPr/>
    </dgm:pt>
    <dgm:pt modelId="{90BF0AFC-C535-427A-8EF9-76866B92A044}" type="pres">
      <dgm:prSet presAssocID="{442F9546-0581-43A5-8D08-666643301FC5}" presName="Name13" presStyleLbl="parChTrans1D2" presStyleIdx="7" presStyleCnt="10"/>
      <dgm:spPr/>
    </dgm:pt>
    <dgm:pt modelId="{4FBF1B54-B3B7-4FFE-A537-2D1CCC024BD1}" type="pres">
      <dgm:prSet presAssocID="{68EA2687-9439-42E7-90C9-55E192EC6A3C}" presName="childText" presStyleLbl="bgAcc1" presStyleIdx="7" presStyleCnt="10">
        <dgm:presLayoutVars>
          <dgm:bulletEnabled val="1"/>
        </dgm:presLayoutVars>
      </dgm:prSet>
      <dgm:spPr/>
    </dgm:pt>
    <dgm:pt modelId="{A04B5C35-626E-4528-B94E-AEDEB5C65B03}" type="pres">
      <dgm:prSet presAssocID="{FF0880A3-19CD-4F4C-BECD-665A82C44C2E}" presName="root" presStyleCnt="0"/>
      <dgm:spPr/>
    </dgm:pt>
    <dgm:pt modelId="{899D1BAB-E94B-4E96-A9A0-DC20649EE45E}" type="pres">
      <dgm:prSet presAssocID="{FF0880A3-19CD-4F4C-BECD-665A82C44C2E}" presName="rootComposite" presStyleCnt="0"/>
      <dgm:spPr/>
    </dgm:pt>
    <dgm:pt modelId="{C2B42D59-3627-4CC8-B458-B011758AEB43}" type="pres">
      <dgm:prSet presAssocID="{FF0880A3-19CD-4F4C-BECD-665A82C44C2E}" presName="rootText" presStyleLbl="node1" presStyleIdx="3" presStyleCnt="5"/>
      <dgm:spPr/>
    </dgm:pt>
    <dgm:pt modelId="{E45934B1-4FA7-41A4-A2BD-A6E98C14E216}" type="pres">
      <dgm:prSet presAssocID="{FF0880A3-19CD-4F4C-BECD-665A82C44C2E}" presName="rootConnector" presStyleLbl="node1" presStyleIdx="3" presStyleCnt="5"/>
      <dgm:spPr/>
    </dgm:pt>
    <dgm:pt modelId="{2F9F6DB6-6A29-486D-8E0F-FB2006C47836}" type="pres">
      <dgm:prSet presAssocID="{FF0880A3-19CD-4F4C-BECD-665A82C44C2E}" presName="childShape" presStyleCnt="0"/>
      <dgm:spPr/>
    </dgm:pt>
    <dgm:pt modelId="{5D3B7416-522A-4ADE-B613-9EE10041EA5E}" type="pres">
      <dgm:prSet presAssocID="{6ECFB441-1585-4A6E-90B1-DF3C77B175C4}" presName="Name13" presStyleLbl="parChTrans1D2" presStyleIdx="8" presStyleCnt="10"/>
      <dgm:spPr/>
    </dgm:pt>
    <dgm:pt modelId="{D373F6C3-B244-4E05-83C8-DE9107E2D77A}" type="pres">
      <dgm:prSet presAssocID="{A6C82898-EF07-4912-8BF8-56938E6110FF}" presName="childText" presStyleLbl="bgAcc1" presStyleIdx="8" presStyleCnt="10">
        <dgm:presLayoutVars>
          <dgm:bulletEnabled val="1"/>
        </dgm:presLayoutVars>
      </dgm:prSet>
      <dgm:spPr/>
    </dgm:pt>
    <dgm:pt modelId="{6C3D1678-DDA1-4F05-AF6C-3DB51F18BA21}" type="pres">
      <dgm:prSet presAssocID="{96531855-0F46-47BA-8DA6-E626DF977FE2}" presName="root" presStyleCnt="0"/>
      <dgm:spPr/>
    </dgm:pt>
    <dgm:pt modelId="{E4F985AE-1A4A-4AB7-AE21-A0712A94BE5F}" type="pres">
      <dgm:prSet presAssocID="{96531855-0F46-47BA-8DA6-E626DF977FE2}" presName="rootComposite" presStyleCnt="0"/>
      <dgm:spPr/>
    </dgm:pt>
    <dgm:pt modelId="{1A55B2D6-C0C6-4D4D-8184-A5B8A3354851}" type="pres">
      <dgm:prSet presAssocID="{96531855-0F46-47BA-8DA6-E626DF977FE2}" presName="rootText" presStyleLbl="node1" presStyleIdx="4" presStyleCnt="5"/>
      <dgm:spPr/>
    </dgm:pt>
    <dgm:pt modelId="{668DD3E3-8CF0-4FF0-9B35-B58C375EF3D8}" type="pres">
      <dgm:prSet presAssocID="{96531855-0F46-47BA-8DA6-E626DF977FE2}" presName="rootConnector" presStyleLbl="node1" presStyleIdx="4" presStyleCnt="5"/>
      <dgm:spPr/>
    </dgm:pt>
    <dgm:pt modelId="{E7D7853B-8E1E-42E5-9A02-088AAD5E29F6}" type="pres">
      <dgm:prSet presAssocID="{96531855-0F46-47BA-8DA6-E626DF977FE2}" presName="childShape" presStyleCnt="0"/>
      <dgm:spPr/>
    </dgm:pt>
    <dgm:pt modelId="{1C6893F9-F9C3-4E14-BBD1-4DB867BD2CBA}" type="pres">
      <dgm:prSet presAssocID="{6BF75953-5FB8-44EA-8DAC-EAEA553209A8}" presName="Name13" presStyleLbl="parChTrans1D2" presStyleIdx="9" presStyleCnt="10"/>
      <dgm:spPr/>
    </dgm:pt>
    <dgm:pt modelId="{235815B4-55B2-40E1-964F-75D52B822E93}" type="pres">
      <dgm:prSet presAssocID="{C330E210-4D28-4C38-AB52-554F116F38BE}" presName="childText" presStyleLbl="bgAcc1" presStyleIdx="9" presStyleCnt="10">
        <dgm:presLayoutVars>
          <dgm:bulletEnabled val="1"/>
        </dgm:presLayoutVars>
      </dgm:prSet>
      <dgm:spPr/>
    </dgm:pt>
  </dgm:ptLst>
  <dgm:cxnLst>
    <dgm:cxn modelId="{304CBD0D-A992-47AB-9688-59414301603C}" srcId="{4BC6E444-AF87-43C9-B1C0-63A7F4B9BF02}" destId="{566280FF-9D16-4AC5-A555-E539480BAB47}" srcOrd="2" destOrd="0" parTransId="{5E37BE83-EBA5-4EE5-83C7-8CB20FD26FD2}" sibTransId="{D3479BD6-ECBA-4B62-8F29-5C791BF84883}"/>
    <dgm:cxn modelId="{E25F1014-0315-4B7D-AC62-92D0AB4C6D02}" srcId="{C8A4DD14-E1E4-435F-8EEC-DAB464A2B0AB}" destId="{FF0880A3-19CD-4F4C-BECD-665A82C44C2E}" srcOrd="3" destOrd="0" parTransId="{D808790B-23E0-4CC8-8963-E53586B4298B}" sibTransId="{AF44175C-B096-4A31-9022-C2611D26CDC2}"/>
    <dgm:cxn modelId="{FB389D14-505B-4F31-AE31-BBE943C5622F}" type="presOf" srcId="{C330E210-4D28-4C38-AB52-554F116F38BE}" destId="{235815B4-55B2-40E1-964F-75D52B822E93}" srcOrd="0" destOrd="0" presId="urn:microsoft.com/office/officeart/2005/8/layout/hierarchy3"/>
    <dgm:cxn modelId="{D6E71027-A6E0-46FB-8365-48DB9A413469}" srcId="{C8A4DD14-E1E4-435F-8EEC-DAB464A2B0AB}" destId="{96531855-0F46-47BA-8DA6-E626DF977FE2}" srcOrd="4" destOrd="0" parTransId="{A2F0A2BE-52BC-4E19-A057-9A45358260A6}" sibTransId="{734EE732-F0C9-45C1-A8C6-CFACE6C6B253}"/>
    <dgm:cxn modelId="{084EDE31-8D7D-4A41-A780-41619EA92DD6}" type="presOf" srcId="{87145D61-937C-4AA6-A0EB-DDA5C30ACFE3}" destId="{00A1793A-3F30-4AB7-9B47-601FF0B29C21}" srcOrd="0" destOrd="0" presId="urn:microsoft.com/office/officeart/2005/8/layout/hierarchy3"/>
    <dgm:cxn modelId="{A1CE3733-803D-4DE3-9679-0937128BAA9C}" type="presOf" srcId="{96531855-0F46-47BA-8DA6-E626DF977FE2}" destId="{1A55B2D6-C0C6-4D4D-8184-A5B8A3354851}" srcOrd="0" destOrd="0" presId="urn:microsoft.com/office/officeart/2005/8/layout/hierarchy3"/>
    <dgm:cxn modelId="{80844D33-3A15-4C54-9EAD-B55809B83D15}" srcId="{49D018B1-C17A-499C-8755-184D988DE527}" destId="{F8830869-9A5C-4231-A776-6D1B4F40735A}" srcOrd="0" destOrd="0" parTransId="{1DA7E91D-1C7D-4CE5-A4B8-267BB3B08A20}" sibTransId="{F5AC9996-E011-4647-B8A8-70A609B1CAFA}"/>
    <dgm:cxn modelId="{B43A3237-2F7B-421E-B424-68A687F44753}" type="presOf" srcId="{6ECFB441-1585-4A6E-90B1-DF3C77B175C4}" destId="{5D3B7416-522A-4ADE-B613-9EE10041EA5E}" srcOrd="0" destOrd="0" presId="urn:microsoft.com/office/officeart/2005/8/layout/hierarchy3"/>
    <dgm:cxn modelId="{794B7A37-A567-4402-B6B7-34F663C125D1}" type="presOf" srcId="{B841C744-22E7-4DB3-9701-84D255134A2E}" destId="{2C241200-5A58-4F89-9E4B-9D754E8AC58E}" srcOrd="0" destOrd="0" presId="urn:microsoft.com/office/officeart/2005/8/layout/hierarchy3"/>
    <dgm:cxn modelId="{B7CD303F-DEA1-4754-98C7-3737E9ED8F46}" type="presOf" srcId="{C8A4DD14-E1E4-435F-8EEC-DAB464A2B0AB}" destId="{B017B7CA-6D49-4222-8876-917CDF73C4C9}" srcOrd="0" destOrd="0" presId="urn:microsoft.com/office/officeart/2005/8/layout/hierarchy3"/>
    <dgm:cxn modelId="{BB09B15D-3DA0-4F18-9188-9DF7F4A26440}" type="presOf" srcId="{49D018B1-C17A-499C-8755-184D988DE527}" destId="{20203D50-486C-4C61-98E8-081C29B08E90}" srcOrd="0" destOrd="0" presId="urn:microsoft.com/office/officeart/2005/8/layout/hierarchy3"/>
    <dgm:cxn modelId="{DB50BA45-2A30-4375-84FE-0A8EEBB013DB}" type="presOf" srcId="{FF0880A3-19CD-4F4C-BECD-665A82C44C2E}" destId="{E45934B1-4FA7-41A4-A2BD-A6E98C14E216}" srcOrd="1" destOrd="0" presId="urn:microsoft.com/office/officeart/2005/8/layout/hierarchy3"/>
    <dgm:cxn modelId="{95A39E47-BD1A-40B9-8638-A47CB7E5D008}" type="presOf" srcId="{CC518871-CFC3-4491-B2B9-910D2CC6809F}" destId="{F5DBD996-E447-406A-B4CA-F35406647236}" srcOrd="0" destOrd="0" presId="urn:microsoft.com/office/officeart/2005/8/layout/hierarchy3"/>
    <dgm:cxn modelId="{134E6A48-B3B5-41B7-B396-0AA83AECBD43}" type="presOf" srcId="{FF0880A3-19CD-4F4C-BECD-665A82C44C2E}" destId="{C2B42D59-3627-4CC8-B458-B011758AEB43}" srcOrd="0" destOrd="0" presId="urn:microsoft.com/office/officeart/2005/8/layout/hierarchy3"/>
    <dgm:cxn modelId="{A92FEC68-2E93-4FC6-B3D3-4B95689EE6EF}" type="presOf" srcId="{68EA2687-9439-42E7-90C9-55E192EC6A3C}" destId="{4FBF1B54-B3B7-4FFE-A537-2D1CCC024BD1}" srcOrd="0" destOrd="0" presId="urn:microsoft.com/office/officeart/2005/8/layout/hierarchy3"/>
    <dgm:cxn modelId="{ABC6F56D-768E-43ED-9ED6-AAB2C9BE72D3}" type="presOf" srcId="{87145D61-937C-4AA6-A0EB-DDA5C30ACFE3}" destId="{11449D13-5448-449A-9709-A84939DBAEA0}" srcOrd="1" destOrd="0" presId="urn:microsoft.com/office/officeart/2005/8/layout/hierarchy3"/>
    <dgm:cxn modelId="{023B1670-DDA8-4F36-B369-841C0CF435E3}" srcId="{49D018B1-C17A-499C-8755-184D988DE527}" destId="{0F37E74F-6CE8-4C30-AC54-B61BC4EBCD39}" srcOrd="1" destOrd="0" parTransId="{49E2484A-92E9-4830-9FB2-FD8D75B45FFE}" sibTransId="{F7A0E220-B49D-4203-B012-7183AD6AC0C2}"/>
    <dgm:cxn modelId="{8CF03550-01D0-4DC4-A2C5-77377454199B}" type="presOf" srcId="{96531855-0F46-47BA-8DA6-E626DF977FE2}" destId="{668DD3E3-8CF0-4FF0-9B35-B58C375EF3D8}" srcOrd="1" destOrd="0" presId="urn:microsoft.com/office/officeart/2005/8/layout/hierarchy3"/>
    <dgm:cxn modelId="{E56CA352-2798-4EC5-AA1C-149F055058AF}" type="presOf" srcId="{4BC6E444-AF87-43C9-B1C0-63A7F4B9BF02}" destId="{3EF98028-597D-46A3-991F-FF5BA62E666F}" srcOrd="1" destOrd="0" presId="urn:microsoft.com/office/officeart/2005/8/layout/hierarchy3"/>
    <dgm:cxn modelId="{21C80D53-5B5D-4DE8-A7C8-2679EC004C0E}" srcId="{4BC6E444-AF87-43C9-B1C0-63A7F4B9BF02}" destId="{6990B81A-D276-4448-AD6E-FF148A5D8A83}" srcOrd="0" destOrd="0" parTransId="{E787C01B-959C-4E6D-97EA-6EEC06B49900}" sibTransId="{DD1D98EB-7F46-4C3C-853A-3514C01368D7}"/>
    <dgm:cxn modelId="{3B33D47E-CCB3-4225-895E-49EA9ECE070A}" srcId="{C8A4DD14-E1E4-435F-8EEC-DAB464A2B0AB}" destId="{87145D61-937C-4AA6-A0EB-DDA5C30ACFE3}" srcOrd="0" destOrd="0" parTransId="{21469676-7AA2-4E16-8C52-76EB559065C7}" sibTransId="{83E562A9-D970-4A34-A9F3-35471CF9C71D}"/>
    <dgm:cxn modelId="{0720BD84-397B-4F33-ADD7-77E7C3747A8D}" srcId="{49D018B1-C17A-499C-8755-184D988DE527}" destId="{68EA2687-9439-42E7-90C9-55E192EC6A3C}" srcOrd="2" destOrd="0" parTransId="{442F9546-0581-43A5-8D08-666643301FC5}" sibTransId="{A22009A8-492A-41A6-B545-08424DA1560C}"/>
    <dgm:cxn modelId="{6AC25688-B613-40EB-AAF4-EDF2D6EA213C}" type="presOf" srcId="{E787C01B-959C-4E6D-97EA-6EEC06B49900}" destId="{BB947004-A2D2-4C10-940F-4F964F34D9C2}" srcOrd="0" destOrd="0" presId="urn:microsoft.com/office/officeart/2005/8/layout/hierarchy3"/>
    <dgm:cxn modelId="{908D8A93-A080-4818-8F30-169A754A01C1}" srcId="{4BC6E444-AF87-43C9-B1C0-63A7F4B9BF02}" destId="{B841C744-22E7-4DB3-9701-84D255134A2E}" srcOrd="1" destOrd="0" parTransId="{A1825C35-4361-4159-BEF7-F4DE81E094EC}" sibTransId="{41966AA9-8CC7-4BA5-8614-9E922A9D532B}"/>
    <dgm:cxn modelId="{CD6B2CA0-D19E-4039-A512-9FB91F1C25DA}" type="presOf" srcId="{A6C82898-EF07-4912-8BF8-56938E6110FF}" destId="{D373F6C3-B244-4E05-83C8-DE9107E2D77A}" srcOrd="0" destOrd="0" presId="urn:microsoft.com/office/officeart/2005/8/layout/hierarchy3"/>
    <dgm:cxn modelId="{EFD279A2-662F-4A1B-8B5D-F973CA6C1311}" type="presOf" srcId="{343DA802-8B8D-489A-A9D9-25A034038ED3}" destId="{C7BDC047-4935-4958-82FE-E3ABFE3F58EC}" srcOrd="0" destOrd="0" presId="urn:microsoft.com/office/officeart/2005/8/layout/hierarchy3"/>
    <dgm:cxn modelId="{6B72A1A2-6FA0-4CF2-A59E-B384391D0183}" srcId="{87145D61-937C-4AA6-A0EB-DDA5C30ACFE3}" destId="{343DA802-8B8D-489A-A9D9-25A034038ED3}" srcOrd="0" destOrd="0" parTransId="{CFDFBEDF-AA8F-43A8-A4EC-404EBEA250AC}" sibTransId="{CBA4B15C-5195-4AB6-84BD-653B84C1966C}"/>
    <dgm:cxn modelId="{A20B9DA4-2974-4B0E-8155-576766D882AD}" srcId="{4BC6E444-AF87-43C9-B1C0-63A7F4B9BF02}" destId="{8005C019-CD66-4032-B3E9-F2AB92082822}" srcOrd="3" destOrd="0" parTransId="{CC518871-CFC3-4491-B2B9-910D2CC6809F}" sibTransId="{D28AA299-5302-45D2-AA7D-5D6710BBB27F}"/>
    <dgm:cxn modelId="{A1F996A7-5FF7-4E6C-A595-04E7C0884C2D}" type="presOf" srcId="{F8830869-9A5C-4231-A776-6D1B4F40735A}" destId="{B5D569AD-F281-4845-BA1C-8FD4FF5E4C5D}" srcOrd="0" destOrd="0" presId="urn:microsoft.com/office/officeart/2005/8/layout/hierarchy3"/>
    <dgm:cxn modelId="{565101AE-D941-4802-969A-F1B9BC96E950}" type="presOf" srcId="{8005C019-CD66-4032-B3E9-F2AB92082822}" destId="{C58AB54F-E5D2-4AF7-BA8E-785EF0F9A8FD}" srcOrd="0" destOrd="0" presId="urn:microsoft.com/office/officeart/2005/8/layout/hierarchy3"/>
    <dgm:cxn modelId="{47FDDDB8-C849-4DB7-B7C9-ABE06A559663}" type="presOf" srcId="{A1825C35-4361-4159-BEF7-F4DE81E094EC}" destId="{04D6C299-A752-41D1-969C-121708138825}" srcOrd="0" destOrd="0" presId="urn:microsoft.com/office/officeart/2005/8/layout/hierarchy3"/>
    <dgm:cxn modelId="{F68718BC-8C25-424A-BC17-0B6A816ED138}" srcId="{96531855-0F46-47BA-8DA6-E626DF977FE2}" destId="{C330E210-4D28-4C38-AB52-554F116F38BE}" srcOrd="0" destOrd="0" parTransId="{6BF75953-5FB8-44EA-8DAC-EAEA553209A8}" sibTransId="{E9EC69BA-E9AA-4736-B35C-22BAA5B33930}"/>
    <dgm:cxn modelId="{6C51DBBE-1829-47DE-BEC7-A39C72A653B4}" type="presOf" srcId="{442F9546-0581-43A5-8D08-666643301FC5}" destId="{90BF0AFC-C535-427A-8EF9-76866B92A044}" srcOrd="0" destOrd="0" presId="urn:microsoft.com/office/officeart/2005/8/layout/hierarchy3"/>
    <dgm:cxn modelId="{B81D82C3-FBA1-4721-8D7E-7D8749EEEADE}" type="presOf" srcId="{566280FF-9D16-4AC5-A555-E539480BAB47}" destId="{7897F18F-B374-4CBA-B6B2-A0E2A3CCDA34}" srcOrd="0" destOrd="0" presId="urn:microsoft.com/office/officeart/2005/8/layout/hierarchy3"/>
    <dgm:cxn modelId="{F84166C5-41DA-4F1C-9868-CCDDF578ECDA}" type="presOf" srcId="{6990B81A-D276-4448-AD6E-FF148A5D8A83}" destId="{C947BC2A-B9E9-4316-81DD-F1AC305C97A0}" srcOrd="0" destOrd="0" presId="urn:microsoft.com/office/officeart/2005/8/layout/hierarchy3"/>
    <dgm:cxn modelId="{964E81CC-F3EB-4C55-B3F0-65F6987238A4}" type="presOf" srcId="{49D018B1-C17A-499C-8755-184D988DE527}" destId="{1623931D-2671-489E-B94A-D10566EAEFFE}" srcOrd="1" destOrd="0" presId="urn:microsoft.com/office/officeart/2005/8/layout/hierarchy3"/>
    <dgm:cxn modelId="{427D43D1-AA9F-4328-AF4A-F2FFBA613D12}" type="presOf" srcId="{1DA7E91D-1C7D-4CE5-A4B8-267BB3B08A20}" destId="{0CCE5F86-5CD9-4E4E-88A3-CDEFE47F53F3}" srcOrd="0" destOrd="0" presId="urn:microsoft.com/office/officeart/2005/8/layout/hierarchy3"/>
    <dgm:cxn modelId="{705938D4-7C80-41CC-843C-FED231AA7EA8}" type="presOf" srcId="{5E37BE83-EBA5-4EE5-83C7-8CB20FD26FD2}" destId="{AA7C11C6-7D71-4702-9464-837B23A72B6C}" srcOrd="0" destOrd="0" presId="urn:microsoft.com/office/officeart/2005/8/layout/hierarchy3"/>
    <dgm:cxn modelId="{4954C1D9-63DA-4435-BF42-263A8166ACC0}" srcId="{FF0880A3-19CD-4F4C-BECD-665A82C44C2E}" destId="{A6C82898-EF07-4912-8BF8-56938E6110FF}" srcOrd="0" destOrd="0" parTransId="{6ECFB441-1585-4A6E-90B1-DF3C77B175C4}" sibTransId="{DD88537D-3EA9-4346-B65F-30A84CFA7003}"/>
    <dgm:cxn modelId="{FC21B0DA-BAFB-40B0-9628-6537838E44D6}" type="presOf" srcId="{CFDFBEDF-AA8F-43A8-A4EC-404EBEA250AC}" destId="{6FAE426A-BBDE-45E6-AC24-F00F2F4FB22A}" srcOrd="0" destOrd="0" presId="urn:microsoft.com/office/officeart/2005/8/layout/hierarchy3"/>
    <dgm:cxn modelId="{B275C6E3-1E99-4910-89FF-49A051E1882B}" srcId="{C8A4DD14-E1E4-435F-8EEC-DAB464A2B0AB}" destId="{4BC6E444-AF87-43C9-B1C0-63A7F4B9BF02}" srcOrd="1" destOrd="0" parTransId="{AB6B21CA-9DC1-4A56-A7CB-FFCAA4EBCA77}" sibTransId="{13DDEF85-2E68-4AEB-9388-7DEE96E397C8}"/>
    <dgm:cxn modelId="{58F25DEB-2F8E-479E-A493-06B9E551A429}" type="presOf" srcId="{49E2484A-92E9-4830-9FB2-FD8D75B45FFE}" destId="{D5463983-C702-465E-B17A-A3AA5BC999AC}" srcOrd="0" destOrd="0" presId="urn:microsoft.com/office/officeart/2005/8/layout/hierarchy3"/>
    <dgm:cxn modelId="{63577AF1-84E3-4A37-B4C2-BDB3EBCF0EEC}" srcId="{C8A4DD14-E1E4-435F-8EEC-DAB464A2B0AB}" destId="{49D018B1-C17A-499C-8755-184D988DE527}" srcOrd="2" destOrd="0" parTransId="{D8E331C2-1013-405C-8EE3-EA90212A0A87}" sibTransId="{12841E18-4014-4DF0-9032-0FF56A7C13A3}"/>
    <dgm:cxn modelId="{549F04F7-3175-4BCC-A284-4BB31AEAF9AA}" type="presOf" srcId="{4BC6E444-AF87-43C9-B1C0-63A7F4B9BF02}" destId="{39BD9A60-1BB2-4B1D-8391-D9443EC08E79}" srcOrd="0" destOrd="0" presId="urn:microsoft.com/office/officeart/2005/8/layout/hierarchy3"/>
    <dgm:cxn modelId="{31A414FB-9B97-44B2-9B44-A89B98C53F7B}" type="presOf" srcId="{6BF75953-5FB8-44EA-8DAC-EAEA553209A8}" destId="{1C6893F9-F9C3-4E14-BBD1-4DB867BD2CBA}" srcOrd="0" destOrd="0" presId="urn:microsoft.com/office/officeart/2005/8/layout/hierarchy3"/>
    <dgm:cxn modelId="{2BF43AFD-6DEF-48CA-B209-DB0B179EC28D}" type="presOf" srcId="{0F37E74F-6CE8-4C30-AC54-B61BC4EBCD39}" destId="{AD229971-8784-4DAB-B011-12F303B20F40}" srcOrd="0" destOrd="0" presId="urn:microsoft.com/office/officeart/2005/8/layout/hierarchy3"/>
    <dgm:cxn modelId="{840A0CF3-7834-4E73-B78D-B781CBB34510}" type="presParOf" srcId="{B017B7CA-6D49-4222-8876-917CDF73C4C9}" destId="{D3D6ADA1-5919-469C-8FE0-D8D0762C5EC5}" srcOrd="0" destOrd="0" presId="urn:microsoft.com/office/officeart/2005/8/layout/hierarchy3"/>
    <dgm:cxn modelId="{CD85455F-06FB-4CED-AB51-8F969792E95B}" type="presParOf" srcId="{D3D6ADA1-5919-469C-8FE0-D8D0762C5EC5}" destId="{372C048F-F14B-4878-83B3-12B01A1D1513}" srcOrd="0" destOrd="0" presId="urn:microsoft.com/office/officeart/2005/8/layout/hierarchy3"/>
    <dgm:cxn modelId="{9443E672-2F6D-44A3-A3FA-5E2AD8B20928}" type="presParOf" srcId="{372C048F-F14B-4878-83B3-12B01A1D1513}" destId="{00A1793A-3F30-4AB7-9B47-601FF0B29C21}" srcOrd="0" destOrd="0" presId="urn:microsoft.com/office/officeart/2005/8/layout/hierarchy3"/>
    <dgm:cxn modelId="{9373F525-5BFE-4F94-A8AE-4AA0AE5022A3}" type="presParOf" srcId="{372C048F-F14B-4878-83B3-12B01A1D1513}" destId="{11449D13-5448-449A-9709-A84939DBAEA0}" srcOrd="1" destOrd="0" presId="urn:microsoft.com/office/officeart/2005/8/layout/hierarchy3"/>
    <dgm:cxn modelId="{163ACCDF-3834-413B-A858-D5010EC7AE93}" type="presParOf" srcId="{D3D6ADA1-5919-469C-8FE0-D8D0762C5EC5}" destId="{314F0FEE-2B25-4009-8A99-9672AFC21416}" srcOrd="1" destOrd="0" presId="urn:microsoft.com/office/officeart/2005/8/layout/hierarchy3"/>
    <dgm:cxn modelId="{DF4E5C15-F8A7-41C2-898A-0C064E91A25B}" type="presParOf" srcId="{314F0FEE-2B25-4009-8A99-9672AFC21416}" destId="{6FAE426A-BBDE-45E6-AC24-F00F2F4FB22A}" srcOrd="0" destOrd="0" presId="urn:microsoft.com/office/officeart/2005/8/layout/hierarchy3"/>
    <dgm:cxn modelId="{123E9955-AD9D-4A52-ACBF-6E06EB7D3989}" type="presParOf" srcId="{314F0FEE-2B25-4009-8A99-9672AFC21416}" destId="{C7BDC047-4935-4958-82FE-E3ABFE3F58EC}" srcOrd="1" destOrd="0" presId="urn:microsoft.com/office/officeart/2005/8/layout/hierarchy3"/>
    <dgm:cxn modelId="{5BCB1F4D-CD8D-4E75-8426-3448AC5AD545}" type="presParOf" srcId="{B017B7CA-6D49-4222-8876-917CDF73C4C9}" destId="{628ED87A-FC24-47F3-B168-691A6D8781DA}" srcOrd="1" destOrd="0" presId="urn:microsoft.com/office/officeart/2005/8/layout/hierarchy3"/>
    <dgm:cxn modelId="{BA3C9F86-7568-4ACC-96D4-EF64F6D9AE6B}" type="presParOf" srcId="{628ED87A-FC24-47F3-B168-691A6D8781DA}" destId="{5446DAAC-B742-43C5-87C4-304DBD5D169C}" srcOrd="0" destOrd="0" presId="urn:microsoft.com/office/officeart/2005/8/layout/hierarchy3"/>
    <dgm:cxn modelId="{842F3BBF-8997-427D-B0C7-336DB5995FFE}" type="presParOf" srcId="{5446DAAC-B742-43C5-87C4-304DBD5D169C}" destId="{39BD9A60-1BB2-4B1D-8391-D9443EC08E79}" srcOrd="0" destOrd="0" presId="urn:microsoft.com/office/officeart/2005/8/layout/hierarchy3"/>
    <dgm:cxn modelId="{E6694C25-1A0B-44E3-9BB6-766AB052D70C}" type="presParOf" srcId="{5446DAAC-B742-43C5-87C4-304DBD5D169C}" destId="{3EF98028-597D-46A3-991F-FF5BA62E666F}" srcOrd="1" destOrd="0" presId="urn:microsoft.com/office/officeart/2005/8/layout/hierarchy3"/>
    <dgm:cxn modelId="{C8268BD9-E65C-4D97-8713-537592425CEA}" type="presParOf" srcId="{628ED87A-FC24-47F3-B168-691A6D8781DA}" destId="{FEB30D90-CABC-4BA9-9A05-248BCEB900CE}" srcOrd="1" destOrd="0" presId="urn:microsoft.com/office/officeart/2005/8/layout/hierarchy3"/>
    <dgm:cxn modelId="{2CD86E1B-ECF3-4607-BAE6-71B5D40A93BB}" type="presParOf" srcId="{FEB30D90-CABC-4BA9-9A05-248BCEB900CE}" destId="{BB947004-A2D2-4C10-940F-4F964F34D9C2}" srcOrd="0" destOrd="0" presId="urn:microsoft.com/office/officeart/2005/8/layout/hierarchy3"/>
    <dgm:cxn modelId="{9DB78F70-C3C2-493C-91B6-CA795C5F1626}" type="presParOf" srcId="{FEB30D90-CABC-4BA9-9A05-248BCEB900CE}" destId="{C947BC2A-B9E9-4316-81DD-F1AC305C97A0}" srcOrd="1" destOrd="0" presId="urn:microsoft.com/office/officeart/2005/8/layout/hierarchy3"/>
    <dgm:cxn modelId="{D712520B-9DD9-4DB8-AA0A-28577524A255}" type="presParOf" srcId="{FEB30D90-CABC-4BA9-9A05-248BCEB900CE}" destId="{04D6C299-A752-41D1-969C-121708138825}" srcOrd="2" destOrd="0" presId="urn:microsoft.com/office/officeart/2005/8/layout/hierarchy3"/>
    <dgm:cxn modelId="{8170EAE6-053A-4C99-AE4A-0BE1195C74ED}" type="presParOf" srcId="{FEB30D90-CABC-4BA9-9A05-248BCEB900CE}" destId="{2C241200-5A58-4F89-9E4B-9D754E8AC58E}" srcOrd="3" destOrd="0" presId="urn:microsoft.com/office/officeart/2005/8/layout/hierarchy3"/>
    <dgm:cxn modelId="{BF54F6FC-86E3-4BE1-BCBE-A1904FC0658E}" type="presParOf" srcId="{FEB30D90-CABC-4BA9-9A05-248BCEB900CE}" destId="{AA7C11C6-7D71-4702-9464-837B23A72B6C}" srcOrd="4" destOrd="0" presId="urn:microsoft.com/office/officeart/2005/8/layout/hierarchy3"/>
    <dgm:cxn modelId="{A461668C-5FF7-4136-B3F1-721267678CE4}" type="presParOf" srcId="{FEB30D90-CABC-4BA9-9A05-248BCEB900CE}" destId="{7897F18F-B374-4CBA-B6B2-A0E2A3CCDA34}" srcOrd="5" destOrd="0" presId="urn:microsoft.com/office/officeart/2005/8/layout/hierarchy3"/>
    <dgm:cxn modelId="{BED3F2FD-36B8-4AB8-AD0E-9CE7B0A41622}" type="presParOf" srcId="{FEB30D90-CABC-4BA9-9A05-248BCEB900CE}" destId="{F5DBD996-E447-406A-B4CA-F35406647236}" srcOrd="6" destOrd="0" presId="urn:microsoft.com/office/officeart/2005/8/layout/hierarchy3"/>
    <dgm:cxn modelId="{FFA022FA-778E-4236-8575-EC7F2C4FFE01}" type="presParOf" srcId="{FEB30D90-CABC-4BA9-9A05-248BCEB900CE}" destId="{C58AB54F-E5D2-4AF7-BA8E-785EF0F9A8FD}" srcOrd="7" destOrd="0" presId="urn:microsoft.com/office/officeart/2005/8/layout/hierarchy3"/>
    <dgm:cxn modelId="{69DA9245-81BD-4183-81C5-5AACF42D4AF6}" type="presParOf" srcId="{B017B7CA-6D49-4222-8876-917CDF73C4C9}" destId="{33E334B2-10AB-4681-A21C-9B7D48957AE8}" srcOrd="2" destOrd="0" presId="urn:microsoft.com/office/officeart/2005/8/layout/hierarchy3"/>
    <dgm:cxn modelId="{C7297F06-FF38-4CEC-BDD2-2BD2DCF4C760}" type="presParOf" srcId="{33E334B2-10AB-4681-A21C-9B7D48957AE8}" destId="{D2CC828E-35BF-4CBF-8124-B4F3C94EF165}" srcOrd="0" destOrd="0" presId="urn:microsoft.com/office/officeart/2005/8/layout/hierarchy3"/>
    <dgm:cxn modelId="{C3C4318D-3526-4671-92F9-18DB59712795}" type="presParOf" srcId="{D2CC828E-35BF-4CBF-8124-B4F3C94EF165}" destId="{20203D50-486C-4C61-98E8-081C29B08E90}" srcOrd="0" destOrd="0" presId="urn:microsoft.com/office/officeart/2005/8/layout/hierarchy3"/>
    <dgm:cxn modelId="{9F855FD7-8D96-4FDA-A151-E660084C1DB7}" type="presParOf" srcId="{D2CC828E-35BF-4CBF-8124-B4F3C94EF165}" destId="{1623931D-2671-489E-B94A-D10566EAEFFE}" srcOrd="1" destOrd="0" presId="urn:microsoft.com/office/officeart/2005/8/layout/hierarchy3"/>
    <dgm:cxn modelId="{F58B130D-63FA-4772-9707-6717411E3F0F}" type="presParOf" srcId="{33E334B2-10AB-4681-A21C-9B7D48957AE8}" destId="{79263BEE-A158-4E00-BAF9-673404BCE6DC}" srcOrd="1" destOrd="0" presId="urn:microsoft.com/office/officeart/2005/8/layout/hierarchy3"/>
    <dgm:cxn modelId="{B07307E0-BA1E-4AFB-8CF4-3627DBCB867F}" type="presParOf" srcId="{79263BEE-A158-4E00-BAF9-673404BCE6DC}" destId="{0CCE5F86-5CD9-4E4E-88A3-CDEFE47F53F3}" srcOrd="0" destOrd="0" presId="urn:microsoft.com/office/officeart/2005/8/layout/hierarchy3"/>
    <dgm:cxn modelId="{C3A5172B-074E-485C-AE7D-951FBED616E5}" type="presParOf" srcId="{79263BEE-A158-4E00-BAF9-673404BCE6DC}" destId="{B5D569AD-F281-4845-BA1C-8FD4FF5E4C5D}" srcOrd="1" destOrd="0" presId="urn:microsoft.com/office/officeart/2005/8/layout/hierarchy3"/>
    <dgm:cxn modelId="{5109E74E-603A-49B3-B16B-1674A68D9FC4}" type="presParOf" srcId="{79263BEE-A158-4E00-BAF9-673404BCE6DC}" destId="{D5463983-C702-465E-B17A-A3AA5BC999AC}" srcOrd="2" destOrd="0" presId="urn:microsoft.com/office/officeart/2005/8/layout/hierarchy3"/>
    <dgm:cxn modelId="{B01EC1C4-CF98-4F1B-AD84-E465B749052E}" type="presParOf" srcId="{79263BEE-A158-4E00-BAF9-673404BCE6DC}" destId="{AD229971-8784-4DAB-B011-12F303B20F40}" srcOrd="3" destOrd="0" presId="urn:microsoft.com/office/officeart/2005/8/layout/hierarchy3"/>
    <dgm:cxn modelId="{58FFE5FA-D60A-4846-833D-7E8F0A65C91E}" type="presParOf" srcId="{79263BEE-A158-4E00-BAF9-673404BCE6DC}" destId="{90BF0AFC-C535-427A-8EF9-76866B92A044}" srcOrd="4" destOrd="0" presId="urn:microsoft.com/office/officeart/2005/8/layout/hierarchy3"/>
    <dgm:cxn modelId="{526D02C9-037E-43B3-9E23-590E6AB460BD}" type="presParOf" srcId="{79263BEE-A158-4E00-BAF9-673404BCE6DC}" destId="{4FBF1B54-B3B7-4FFE-A537-2D1CCC024BD1}" srcOrd="5" destOrd="0" presId="urn:microsoft.com/office/officeart/2005/8/layout/hierarchy3"/>
    <dgm:cxn modelId="{7F3D633D-4C43-4F85-A515-BE675D27622E}" type="presParOf" srcId="{B017B7CA-6D49-4222-8876-917CDF73C4C9}" destId="{A04B5C35-626E-4528-B94E-AEDEB5C65B03}" srcOrd="3" destOrd="0" presId="urn:microsoft.com/office/officeart/2005/8/layout/hierarchy3"/>
    <dgm:cxn modelId="{79174D5D-1711-4289-8B0A-72864445BCCE}" type="presParOf" srcId="{A04B5C35-626E-4528-B94E-AEDEB5C65B03}" destId="{899D1BAB-E94B-4E96-A9A0-DC20649EE45E}" srcOrd="0" destOrd="0" presId="urn:microsoft.com/office/officeart/2005/8/layout/hierarchy3"/>
    <dgm:cxn modelId="{BBD54BC6-05C2-4447-9C16-052D5F906EC3}" type="presParOf" srcId="{899D1BAB-E94B-4E96-A9A0-DC20649EE45E}" destId="{C2B42D59-3627-4CC8-B458-B011758AEB43}" srcOrd="0" destOrd="0" presId="urn:microsoft.com/office/officeart/2005/8/layout/hierarchy3"/>
    <dgm:cxn modelId="{291CFCFB-05DF-4C0C-BB81-48445487FCD0}" type="presParOf" srcId="{899D1BAB-E94B-4E96-A9A0-DC20649EE45E}" destId="{E45934B1-4FA7-41A4-A2BD-A6E98C14E216}" srcOrd="1" destOrd="0" presId="urn:microsoft.com/office/officeart/2005/8/layout/hierarchy3"/>
    <dgm:cxn modelId="{AA85A314-8D1F-43EA-9985-BAB2312294CC}" type="presParOf" srcId="{A04B5C35-626E-4528-B94E-AEDEB5C65B03}" destId="{2F9F6DB6-6A29-486D-8E0F-FB2006C47836}" srcOrd="1" destOrd="0" presId="urn:microsoft.com/office/officeart/2005/8/layout/hierarchy3"/>
    <dgm:cxn modelId="{C04A8A03-DD6C-43F5-9738-351F7CDAB20E}" type="presParOf" srcId="{2F9F6DB6-6A29-486D-8E0F-FB2006C47836}" destId="{5D3B7416-522A-4ADE-B613-9EE10041EA5E}" srcOrd="0" destOrd="0" presId="urn:microsoft.com/office/officeart/2005/8/layout/hierarchy3"/>
    <dgm:cxn modelId="{644605DC-44E4-450D-A2D7-BEC1EA3E818D}" type="presParOf" srcId="{2F9F6DB6-6A29-486D-8E0F-FB2006C47836}" destId="{D373F6C3-B244-4E05-83C8-DE9107E2D77A}" srcOrd="1" destOrd="0" presId="urn:microsoft.com/office/officeart/2005/8/layout/hierarchy3"/>
    <dgm:cxn modelId="{1D286C6E-3CBF-4B85-AF97-0AB3A13BEFCB}" type="presParOf" srcId="{B017B7CA-6D49-4222-8876-917CDF73C4C9}" destId="{6C3D1678-DDA1-4F05-AF6C-3DB51F18BA21}" srcOrd="4" destOrd="0" presId="urn:microsoft.com/office/officeart/2005/8/layout/hierarchy3"/>
    <dgm:cxn modelId="{4CBCC752-FA12-4C46-AF79-1C251FBC7304}" type="presParOf" srcId="{6C3D1678-DDA1-4F05-AF6C-3DB51F18BA21}" destId="{E4F985AE-1A4A-4AB7-AE21-A0712A94BE5F}" srcOrd="0" destOrd="0" presId="urn:microsoft.com/office/officeart/2005/8/layout/hierarchy3"/>
    <dgm:cxn modelId="{A66F08D9-A260-4192-8887-7E0543BC910E}" type="presParOf" srcId="{E4F985AE-1A4A-4AB7-AE21-A0712A94BE5F}" destId="{1A55B2D6-C0C6-4D4D-8184-A5B8A3354851}" srcOrd="0" destOrd="0" presId="urn:microsoft.com/office/officeart/2005/8/layout/hierarchy3"/>
    <dgm:cxn modelId="{CB4FBB3A-FA1D-4645-97FF-650F2CF02785}" type="presParOf" srcId="{E4F985AE-1A4A-4AB7-AE21-A0712A94BE5F}" destId="{668DD3E3-8CF0-4FF0-9B35-B58C375EF3D8}" srcOrd="1" destOrd="0" presId="urn:microsoft.com/office/officeart/2005/8/layout/hierarchy3"/>
    <dgm:cxn modelId="{0DE832CC-FAFA-4EF0-9BD9-671B31937104}" type="presParOf" srcId="{6C3D1678-DDA1-4F05-AF6C-3DB51F18BA21}" destId="{E7D7853B-8E1E-42E5-9A02-088AAD5E29F6}" srcOrd="1" destOrd="0" presId="urn:microsoft.com/office/officeart/2005/8/layout/hierarchy3"/>
    <dgm:cxn modelId="{1555C2C5-2CED-4E19-8522-4ED5AE15B5CB}" type="presParOf" srcId="{E7D7853B-8E1E-42E5-9A02-088AAD5E29F6}" destId="{1C6893F9-F9C3-4E14-BBD1-4DB867BD2CBA}" srcOrd="0" destOrd="0" presId="urn:microsoft.com/office/officeart/2005/8/layout/hierarchy3"/>
    <dgm:cxn modelId="{2A4FB4DE-F00C-42AB-87DD-D1DF83239055}" type="presParOf" srcId="{E7D7853B-8E1E-42E5-9A02-088AAD5E29F6}" destId="{235815B4-55B2-40E1-964F-75D52B822E93}" srcOrd="1" destOrd="0" presId="urn:microsoft.com/office/officeart/2005/8/layout/hierarchy3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046E2D00-0997-4A0B-8783-2494F59119DA}" type="doc">
      <dgm:prSet loTypeId="urn:microsoft.com/office/officeart/2008/layout/PictureStrips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it-IT"/>
        </a:p>
      </dgm:t>
    </dgm:pt>
    <dgm:pt modelId="{F9F8D1AB-B145-4D46-A4B5-63C5894A6F26}">
      <dgm:prSet phldrT="[Testo]"/>
      <dgm:spPr>
        <a:solidFill>
          <a:srgbClr val="DA743B"/>
        </a:solidFill>
        <a:ln>
          <a:solidFill>
            <a:srgbClr val="344A81"/>
          </a:solidFill>
        </a:ln>
      </dgm:spPr>
      <dgm:t>
        <a:bodyPr/>
        <a:lstStyle/>
        <a:p>
          <a:r>
            <a:rPr lang="it-IT" dirty="0"/>
            <a:t>v0</a:t>
          </a:r>
        </a:p>
      </dgm:t>
    </dgm:pt>
    <dgm:pt modelId="{06FC47D2-8C46-4DDF-B5B9-320D0EC4D83B}" type="parTrans" cxnId="{F2EA4069-2D28-4C11-8C51-2838A6577003}">
      <dgm:prSet/>
      <dgm:spPr/>
      <dgm:t>
        <a:bodyPr/>
        <a:lstStyle/>
        <a:p>
          <a:endParaRPr lang="it-IT"/>
        </a:p>
      </dgm:t>
    </dgm:pt>
    <dgm:pt modelId="{B4CE24C5-646A-418D-97E3-AC271D1F8BEF}" type="sibTrans" cxnId="{F2EA4069-2D28-4C11-8C51-2838A6577003}">
      <dgm:prSet/>
      <dgm:spPr/>
      <dgm:t>
        <a:bodyPr/>
        <a:lstStyle/>
        <a:p>
          <a:endParaRPr lang="it-IT"/>
        </a:p>
      </dgm:t>
    </dgm:pt>
    <dgm:pt modelId="{03E3FBD6-4FBF-406B-926A-64736D663838}">
      <dgm:prSet phldrT="[Testo]"/>
      <dgm:spPr>
        <a:solidFill>
          <a:srgbClr val="DA743B"/>
        </a:solidFill>
        <a:ln>
          <a:solidFill>
            <a:srgbClr val="344A81"/>
          </a:solidFill>
        </a:ln>
      </dgm:spPr>
      <dgm:t>
        <a:bodyPr/>
        <a:lstStyle/>
        <a:p>
          <a:r>
            <a:rPr lang="it-IT" dirty="0"/>
            <a:t>v1</a:t>
          </a:r>
        </a:p>
      </dgm:t>
    </dgm:pt>
    <dgm:pt modelId="{BC18295E-0187-4946-9F8B-0236D6A86316}" type="parTrans" cxnId="{D98A3073-28ED-4535-9030-614C3FF9538A}">
      <dgm:prSet/>
      <dgm:spPr/>
      <dgm:t>
        <a:bodyPr/>
        <a:lstStyle/>
        <a:p>
          <a:endParaRPr lang="it-IT"/>
        </a:p>
      </dgm:t>
    </dgm:pt>
    <dgm:pt modelId="{C662AAB3-2720-4B7B-9DCC-745B3A326515}" type="sibTrans" cxnId="{D98A3073-28ED-4535-9030-614C3FF9538A}">
      <dgm:prSet/>
      <dgm:spPr/>
      <dgm:t>
        <a:bodyPr/>
        <a:lstStyle/>
        <a:p>
          <a:endParaRPr lang="it-IT"/>
        </a:p>
      </dgm:t>
    </dgm:pt>
    <dgm:pt modelId="{1A8D3042-169E-485C-BF46-2BDEF18EA4C0}">
      <dgm:prSet phldrT="[Testo]"/>
      <dgm:spPr>
        <a:solidFill>
          <a:srgbClr val="DA743B"/>
        </a:solidFill>
        <a:ln>
          <a:solidFill>
            <a:srgbClr val="344A81"/>
          </a:solidFill>
        </a:ln>
      </dgm:spPr>
      <dgm:t>
        <a:bodyPr/>
        <a:lstStyle/>
        <a:p>
          <a:r>
            <a:rPr lang="it-IT" dirty="0"/>
            <a:t>v2</a:t>
          </a:r>
        </a:p>
      </dgm:t>
    </dgm:pt>
    <dgm:pt modelId="{1B503561-EE81-4EDA-8869-58BDCEBC3F47}" type="parTrans" cxnId="{0DB72756-4DE8-4394-A104-313B062D1DBA}">
      <dgm:prSet/>
      <dgm:spPr/>
      <dgm:t>
        <a:bodyPr/>
        <a:lstStyle/>
        <a:p>
          <a:endParaRPr lang="it-IT"/>
        </a:p>
      </dgm:t>
    </dgm:pt>
    <dgm:pt modelId="{EB668D12-4449-4C79-A8D9-668754D2B660}" type="sibTrans" cxnId="{0DB72756-4DE8-4394-A104-313B062D1DBA}">
      <dgm:prSet/>
      <dgm:spPr/>
      <dgm:t>
        <a:bodyPr/>
        <a:lstStyle/>
        <a:p>
          <a:endParaRPr lang="it-IT"/>
        </a:p>
      </dgm:t>
    </dgm:pt>
    <dgm:pt modelId="{A2FE5653-CB9F-4B39-B82A-5F4969254DEB}" type="pres">
      <dgm:prSet presAssocID="{046E2D00-0997-4A0B-8783-2494F59119DA}" presName="Name0" presStyleCnt="0">
        <dgm:presLayoutVars>
          <dgm:dir/>
          <dgm:resizeHandles val="exact"/>
        </dgm:presLayoutVars>
      </dgm:prSet>
      <dgm:spPr/>
    </dgm:pt>
    <dgm:pt modelId="{E902653F-ED2C-407A-9B13-D8E500A3DF65}" type="pres">
      <dgm:prSet presAssocID="{F9F8D1AB-B145-4D46-A4B5-63C5894A6F26}" presName="composite" presStyleCnt="0"/>
      <dgm:spPr/>
    </dgm:pt>
    <dgm:pt modelId="{4892B50A-5A68-4913-9E9A-F55089A88567}" type="pres">
      <dgm:prSet presAssocID="{F9F8D1AB-B145-4D46-A4B5-63C5894A6F26}" presName="rect1" presStyleLbl="trAlignAcc1" presStyleIdx="0" presStyleCnt="3">
        <dgm:presLayoutVars>
          <dgm:bulletEnabled val="1"/>
        </dgm:presLayoutVars>
      </dgm:prSet>
      <dgm:spPr/>
    </dgm:pt>
    <dgm:pt modelId="{08178F42-4C27-4C59-A99A-A3C99B61C6D6}" type="pres">
      <dgm:prSet presAssocID="{F9F8D1AB-B145-4D46-A4B5-63C5894A6F26}" presName="rect2" presStyleLbl="fgImgPlac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l="-25000" r="-25000"/>
          </a:stretch>
        </a:blipFill>
      </dgm:spPr>
      <dgm:extLst>
        <a:ext uri="{E40237B7-FDA0-4F09-8148-C483321AD2D9}">
          <dgm14:cNvPr xmlns:dgm14="http://schemas.microsoft.com/office/drawing/2010/diagram" id="0" name="" descr="Smile di Harvey Ball 0% con riempimento a tinta unita"/>
        </a:ext>
      </dgm:extLst>
    </dgm:pt>
    <dgm:pt modelId="{1257374A-C3F7-481C-A610-C5F969026F51}" type="pres">
      <dgm:prSet presAssocID="{B4CE24C5-646A-418D-97E3-AC271D1F8BEF}" presName="sibTrans" presStyleCnt="0"/>
      <dgm:spPr/>
    </dgm:pt>
    <dgm:pt modelId="{52C97407-1B5D-400E-A58C-FDBF8C00AEFC}" type="pres">
      <dgm:prSet presAssocID="{03E3FBD6-4FBF-406B-926A-64736D663838}" presName="composite" presStyleCnt="0"/>
      <dgm:spPr/>
    </dgm:pt>
    <dgm:pt modelId="{0FB4A588-B38B-4C10-9B8C-5C1513FBF380}" type="pres">
      <dgm:prSet presAssocID="{03E3FBD6-4FBF-406B-926A-64736D663838}" presName="rect1" presStyleLbl="trAlignAcc1" presStyleIdx="1" presStyleCnt="3">
        <dgm:presLayoutVars>
          <dgm:bulletEnabled val="1"/>
        </dgm:presLayoutVars>
      </dgm:prSet>
      <dgm:spPr/>
    </dgm:pt>
    <dgm:pt modelId="{64A430A9-216D-4601-8315-FAC35F7E7B3E}" type="pres">
      <dgm:prSet presAssocID="{03E3FBD6-4FBF-406B-926A-64736D663838}" presName="rect2" presStyleLbl="fgImgPlace1" presStyleIdx="1" presStyleCnt="3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 l="-25000" r="-25000"/>
          </a:stretch>
        </a:blipFill>
      </dgm:spPr>
      <dgm:extLst>
        <a:ext uri="{E40237B7-FDA0-4F09-8148-C483321AD2D9}">
          <dgm14:cNvPr xmlns:dgm14="http://schemas.microsoft.com/office/drawing/2010/diagram" id="0" name="" descr="Badge 1 con riempimento a tinta unita"/>
        </a:ext>
      </dgm:extLst>
    </dgm:pt>
    <dgm:pt modelId="{124A3A68-43EC-43AC-ABB4-675DCFE59754}" type="pres">
      <dgm:prSet presAssocID="{C662AAB3-2720-4B7B-9DCC-745B3A326515}" presName="sibTrans" presStyleCnt="0"/>
      <dgm:spPr/>
    </dgm:pt>
    <dgm:pt modelId="{215575A9-476C-4D79-BE0A-BC756367498E}" type="pres">
      <dgm:prSet presAssocID="{1A8D3042-169E-485C-BF46-2BDEF18EA4C0}" presName="composite" presStyleCnt="0"/>
      <dgm:spPr/>
    </dgm:pt>
    <dgm:pt modelId="{F7F4455F-AD83-42C7-B4A4-9BB13358E788}" type="pres">
      <dgm:prSet presAssocID="{1A8D3042-169E-485C-BF46-2BDEF18EA4C0}" presName="rect1" presStyleLbl="trAlignAcc1" presStyleIdx="2" presStyleCnt="3">
        <dgm:presLayoutVars>
          <dgm:bulletEnabled val="1"/>
        </dgm:presLayoutVars>
      </dgm:prSet>
      <dgm:spPr/>
    </dgm:pt>
    <dgm:pt modelId="{14B7C48D-4611-4E9F-9DC8-ACF8AFC62392}" type="pres">
      <dgm:prSet presAssocID="{1A8D3042-169E-485C-BF46-2BDEF18EA4C0}" presName="rect2" presStyleLbl="fgImgPlace1" presStyleIdx="2" presStyleCnt="3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 l="-25000" r="-25000"/>
          </a:stretch>
        </a:blipFill>
      </dgm:spPr>
      <dgm:extLst>
        <a:ext uri="{E40237B7-FDA0-4F09-8148-C483321AD2D9}">
          <dgm14:cNvPr xmlns:dgm14="http://schemas.microsoft.com/office/drawing/2010/diagram" id="0" name="" descr="Badge con riempimento a tinta unita"/>
        </a:ext>
      </dgm:extLst>
    </dgm:pt>
  </dgm:ptLst>
  <dgm:cxnLst>
    <dgm:cxn modelId="{9712C22F-CDB9-4C35-B66E-EE78DAAA96C6}" type="presOf" srcId="{046E2D00-0997-4A0B-8783-2494F59119DA}" destId="{A2FE5653-CB9F-4B39-B82A-5F4969254DEB}" srcOrd="0" destOrd="0" presId="urn:microsoft.com/office/officeart/2008/layout/PictureStrips"/>
    <dgm:cxn modelId="{F2EA4069-2D28-4C11-8C51-2838A6577003}" srcId="{046E2D00-0997-4A0B-8783-2494F59119DA}" destId="{F9F8D1AB-B145-4D46-A4B5-63C5894A6F26}" srcOrd="0" destOrd="0" parTransId="{06FC47D2-8C46-4DDF-B5B9-320D0EC4D83B}" sibTransId="{B4CE24C5-646A-418D-97E3-AC271D1F8BEF}"/>
    <dgm:cxn modelId="{D98A3073-28ED-4535-9030-614C3FF9538A}" srcId="{046E2D00-0997-4A0B-8783-2494F59119DA}" destId="{03E3FBD6-4FBF-406B-926A-64736D663838}" srcOrd="1" destOrd="0" parTransId="{BC18295E-0187-4946-9F8B-0236D6A86316}" sibTransId="{C662AAB3-2720-4B7B-9DCC-745B3A326515}"/>
    <dgm:cxn modelId="{0DB72756-4DE8-4394-A104-313B062D1DBA}" srcId="{046E2D00-0997-4A0B-8783-2494F59119DA}" destId="{1A8D3042-169E-485C-BF46-2BDEF18EA4C0}" srcOrd="2" destOrd="0" parTransId="{1B503561-EE81-4EDA-8869-58BDCEBC3F47}" sibTransId="{EB668D12-4449-4C79-A8D9-668754D2B660}"/>
    <dgm:cxn modelId="{E4D65480-DA8F-4537-BE60-EFBE7AC11ED1}" type="presOf" srcId="{1A8D3042-169E-485C-BF46-2BDEF18EA4C0}" destId="{F7F4455F-AD83-42C7-B4A4-9BB13358E788}" srcOrd="0" destOrd="0" presId="urn:microsoft.com/office/officeart/2008/layout/PictureStrips"/>
    <dgm:cxn modelId="{706264B8-6D8B-41FD-841E-DC7705E24C0A}" type="presOf" srcId="{F9F8D1AB-B145-4D46-A4B5-63C5894A6F26}" destId="{4892B50A-5A68-4913-9E9A-F55089A88567}" srcOrd="0" destOrd="0" presId="urn:microsoft.com/office/officeart/2008/layout/PictureStrips"/>
    <dgm:cxn modelId="{2029B3F8-B06D-441A-A55A-9DFF345288CE}" type="presOf" srcId="{03E3FBD6-4FBF-406B-926A-64736D663838}" destId="{0FB4A588-B38B-4C10-9B8C-5C1513FBF380}" srcOrd="0" destOrd="0" presId="urn:microsoft.com/office/officeart/2008/layout/PictureStrips"/>
    <dgm:cxn modelId="{A9E0D5F3-E42A-431E-9E66-F9020067B345}" type="presParOf" srcId="{A2FE5653-CB9F-4B39-B82A-5F4969254DEB}" destId="{E902653F-ED2C-407A-9B13-D8E500A3DF65}" srcOrd="0" destOrd="0" presId="urn:microsoft.com/office/officeart/2008/layout/PictureStrips"/>
    <dgm:cxn modelId="{36D43120-BDB2-4D5B-9D52-7456A9676DBC}" type="presParOf" srcId="{E902653F-ED2C-407A-9B13-D8E500A3DF65}" destId="{4892B50A-5A68-4913-9E9A-F55089A88567}" srcOrd="0" destOrd="0" presId="urn:microsoft.com/office/officeart/2008/layout/PictureStrips"/>
    <dgm:cxn modelId="{E9E875E7-7BB9-409E-AAF9-B7B7D9A73A7D}" type="presParOf" srcId="{E902653F-ED2C-407A-9B13-D8E500A3DF65}" destId="{08178F42-4C27-4C59-A99A-A3C99B61C6D6}" srcOrd="1" destOrd="0" presId="urn:microsoft.com/office/officeart/2008/layout/PictureStrips"/>
    <dgm:cxn modelId="{9E499D16-1C2A-4355-A676-EB41192DA2B8}" type="presParOf" srcId="{A2FE5653-CB9F-4B39-B82A-5F4969254DEB}" destId="{1257374A-C3F7-481C-A610-C5F969026F51}" srcOrd="1" destOrd="0" presId="urn:microsoft.com/office/officeart/2008/layout/PictureStrips"/>
    <dgm:cxn modelId="{AFD07192-176B-40E2-8110-01A1335CDA72}" type="presParOf" srcId="{A2FE5653-CB9F-4B39-B82A-5F4969254DEB}" destId="{52C97407-1B5D-400E-A58C-FDBF8C00AEFC}" srcOrd="2" destOrd="0" presId="urn:microsoft.com/office/officeart/2008/layout/PictureStrips"/>
    <dgm:cxn modelId="{A6C8FC3B-3CA5-462E-97D3-73D5EB434069}" type="presParOf" srcId="{52C97407-1B5D-400E-A58C-FDBF8C00AEFC}" destId="{0FB4A588-B38B-4C10-9B8C-5C1513FBF380}" srcOrd="0" destOrd="0" presId="urn:microsoft.com/office/officeart/2008/layout/PictureStrips"/>
    <dgm:cxn modelId="{99430043-665B-4FE9-B6A9-35871160D59F}" type="presParOf" srcId="{52C97407-1B5D-400E-A58C-FDBF8C00AEFC}" destId="{64A430A9-216D-4601-8315-FAC35F7E7B3E}" srcOrd="1" destOrd="0" presId="urn:microsoft.com/office/officeart/2008/layout/PictureStrips"/>
    <dgm:cxn modelId="{A8F1D652-6533-4F4E-B8D0-DF013C358686}" type="presParOf" srcId="{A2FE5653-CB9F-4B39-B82A-5F4969254DEB}" destId="{124A3A68-43EC-43AC-ABB4-675DCFE59754}" srcOrd="3" destOrd="0" presId="urn:microsoft.com/office/officeart/2008/layout/PictureStrips"/>
    <dgm:cxn modelId="{DA2275C0-6CCE-4D67-9A22-DFA1EB9879C4}" type="presParOf" srcId="{A2FE5653-CB9F-4B39-B82A-5F4969254DEB}" destId="{215575A9-476C-4D79-BE0A-BC756367498E}" srcOrd="4" destOrd="0" presId="urn:microsoft.com/office/officeart/2008/layout/PictureStrips"/>
    <dgm:cxn modelId="{60085F0C-D2FA-42CB-B752-B94F7B07F5CC}" type="presParOf" srcId="{215575A9-476C-4D79-BE0A-BC756367498E}" destId="{F7F4455F-AD83-42C7-B4A4-9BB13358E788}" srcOrd="0" destOrd="0" presId="urn:microsoft.com/office/officeart/2008/layout/PictureStrips"/>
    <dgm:cxn modelId="{C556E922-203B-46B6-88E5-EF41A615DE59}" type="presParOf" srcId="{215575A9-476C-4D79-BE0A-BC756367498E}" destId="{14B7C48D-4611-4E9F-9DC8-ACF8AFC62392}" srcOrd="1" destOrd="0" presId="urn:microsoft.com/office/officeart/2008/layout/PictureStrips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43EFDC44-A14D-42AE-AA28-28937F3E48F8}" type="doc">
      <dgm:prSet loTypeId="urn:microsoft.com/office/officeart/2005/8/layout/orgChart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it-IT"/>
        </a:p>
      </dgm:t>
    </dgm:pt>
    <dgm:pt modelId="{2A5E76BE-EAA1-4FCF-B17A-326C1144ABFE}">
      <dgm:prSet phldrT="[Testo]" phldr="1"/>
      <dgm:spPr>
        <a:solidFill>
          <a:srgbClr val="203876"/>
        </a:solidFill>
        <a:ln>
          <a:solidFill>
            <a:srgbClr val="DA743B"/>
          </a:solidFill>
        </a:ln>
      </dgm:spPr>
      <dgm:t>
        <a:bodyPr/>
        <a:lstStyle/>
        <a:p>
          <a:endParaRPr lang="it-IT" dirty="0"/>
        </a:p>
      </dgm:t>
    </dgm:pt>
    <dgm:pt modelId="{44D09537-1A04-4664-878B-68D23DA55592}" type="parTrans" cxnId="{5DB7F9F6-8BAE-4ACE-9890-9665677AE71B}">
      <dgm:prSet/>
      <dgm:spPr/>
      <dgm:t>
        <a:bodyPr/>
        <a:lstStyle/>
        <a:p>
          <a:endParaRPr lang="it-IT"/>
        </a:p>
      </dgm:t>
    </dgm:pt>
    <dgm:pt modelId="{79467BD2-4CAC-4A1C-BDAB-3C7D2E8E4A42}" type="sibTrans" cxnId="{5DB7F9F6-8BAE-4ACE-9890-9665677AE71B}">
      <dgm:prSet/>
      <dgm:spPr/>
      <dgm:t>
        <a:bodyPr/>
        <a:lstStyle/>
        <a:p>
          <a:endParaRPr lang="it-IT"/>
        </a:p>
      </dgm:t>
    </dgm:pt>
    <dgm:pt modelId="{5C2E1CEF-E44E-4B50-AF94-4DD95155D001}">
      <dgm:prSet phldrT="[Testo]" phldr="1"/>
      <dgm:spPr>
        <a:solidFill>
          <a:srgbClr val="203876"/>
        </a:solidFill>
        <a:ln>
          <a:solidFill>
            <a:srgbClr val="DA743B"/>
          </a:solidFill>
        </a:ln>
      </dgm:spPr>
      <dgm:t>
        <a:bodyPr/>
        <a:lstStyle/>
        <a:p>
          <a:endParaRPr lang="it-IT" dirty="0"/>
        </a:p>
      </dgm:t>
    </dgm:pt>
    <dgm:pt modelId="{38DE9853-BDEB-4C19-AA47-118498E49985}" type="parTrans" cxnId="{1562B220-E8A4-4B88-8105-9DC5AE3C20FE}">
      <dgm:prSet>
        <dgm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dgm:style>
      </dgm:prSet>
      <dgm:spPr>
        <a:ln w="19050" cap="flat" cmpd="sng" algn="ctr">
          <a:solidFill>
            <a:srgbClr val="203876"/>
          </a:solidFill>
          <a:prstDash val="dash"/>
          <a:round/>
          <a:headEnd type="none" w="med" len="med"/>
          <a:tailEnd type="none" w="med" len="med"/>
        </a:ln>
      </dgm:spPr>
      <dgm:t>
        <a:bodyPr/>
        <a:lstStyle/>
        <a:p>
          <a:endParaRPr lang="it-IT"/>
        </a:p>
      </dgm:t>
    </dgm:pt>
    <dgm:pt modelId="{74778846-2399-41B2-9D5F-500ED9D4F6DA}" type="sibTrans" cxnId="{1562B220-E8A4-4B88-8105-9DC5AE3C20FE}">
      <dgm:prSet/>
      <dgm:spPr/>
      <dgm:t>
        <a:bodyPr/>
        <a:lstStyle/>
        <a:p>
          <a:endParaRPr lang="it-IT"/>
        </a:p>
      </dgm:t>
    </dgm:pt>
    <dgm:pt modelId="{B3A4366F-5140-45AB-A4C1-C91874E9E45A}">
      <dgm:prSet phldrT="[Testo]" phldr="1"/>
      <dgm:spPr>
        <a:solidFill>
          <a:srgbClr val="203876"/>
        </a:solidFill>
        <a:ln>
          <a:solidFill>
            <a:srgbClr val="DA743B"/>
          </a:solidFill>
        </a:ln>
      </dgm:spPr>
      <dgm:t>
        <a:bodyPr/>
        <a:lstStyle/>
        <a:p>
          <a:endParaRPr lang="it-IT" dirty="0"/>
        </a:p>
      </dgm:t>
    </dgm:pt>
    <dgm:pt modelId="{F587088F-BEB2-4403-84D6-125A995F0C42}" type="parTrans" cxnId="{2B2315C4-A3EE-4FF5-9CFB-C36182BD1D42}">
      <dgm:prSet>
        <dgm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dgm:style>
      </dgm:prSet>
      <dgm:spPr>
        <a:ln w="19050" cap="flat" cmpd="sng" algn="ctr">
          <a:solidFill>
            <a:srgbClr val="203876"/>
          </a:solidFill>
          <a:prstDash val="dash"/>
          <a:round/>
          <a:headEnd type="none" w="med" len="med"/>
          <a:tailEnd type="none" w="med" len="med"/>
        </a:ln>
      </dgm:spPr>
      <dgm:t>
        <a:bodyPr/>
        <a:lstStyle/>
        <a:p>
          <a:endParaRPr lang="it-IT"/>
        </a:p>
      </dgm:t>
    </dgm:pt>
    <dgm:pt modelId="{B7811750-6466-4309-B67C-8A4129545F62}" type="sibTrans" cxnId="{2B2315C4-A3EE-4FF5-9CFB-C36182BD1D42}">
      <dgm:prSet/>
      <dgm:spPr/>
      <dgm:t>
        <a:bodyPr/>
        <a:lstStyle/>
        <a:p>
          <a:endParaRPr lang="it-IT"/>
        </a:p>
      </dgm:t>
    </dgm:pt>
    <dgm:pt modelId="{5E12069E-5899-494B-A515-630F6CD47F07}">
      <dgm:prSet phldrT="[Testo]" phldr="1"/>
      <dgm:spPr>
        <a:solidFill>
          <a:srgbClr val="203876"/>
        </a:solidFill>
        <a:ln>
          <a:solidFill>
            <a:srgbClr val="DA743B"/>
          </a:solidFill>
        </a:ln>
      </dgm:spPr>
      <dgm:t>
        <a:bodyPr/>
        <a:lstStyle/>
        <a:p>
          <a:endParaRPr lang="it-IT" dirty="0"/>
        </a:p>
      </dgm:t>
    </dgm:pt>
    <dgm:pt modelId="{6404B36B-BB9C-476B-BA46-B66BF8C84CEB}" type="parTrans" cxnId="{9429C3A8-12AF-4F4A-835D-9CF99B15CA64}">
      <dgm:prSet>
        <dgm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dgm:style>
      </dgm:prSet>
      <dgm:spPr>
        <a:ln w="19050" cap="flat" cmpd="sng" algn="ctr">
          <a:solidFill>
            <a:srgbClr val="203876"/>
          </a:solidFill>
          <a:prstDash val="dash"/>
          <a:round/>
          <a:headEnd type="none" w="med" len="med"/>
          <a:tailEnd type="none" w="med" len="med"/>
        </a:ln>
      </dgm:spPr>
      <dgm:t>
        <a:bodyPr/>
        <a:lstStyle/>
        <a:p>
          <a:endParaRPr lang="it-IT"/>
        </a:p>
      </dgm:t>
    </dgm:pt>
    <dgm:pt modelId="{4AB3DD76-D15F-463D-A3E7-D7B7324A45CE}" type="sibTrans" cxnId="{9429C3A8-12AF-4F4A-835D-9CF99B15CA64}">
      <dgm:prSet/>
      <dgm:spPr/>
      <dgm:t>
        <a:bodyPr/>
        <a:lstStyle/>
        <a:p>
          <a:endParaRPr lang="it-IT"/>
        </a:p>
      </dgm:t>
    </dgm:pt>
    <dgm:pt modelId="{8CCA70D5-FC52-4945-A823-13B54C033991}">
      <dgm:prSet phldrT="[Testo]"/>
      <dgm:spPr>
        <a:solidFill>
          <a:srgbClr val="DA743B"/>
        </a:solidFill>
        <a:ln>
          <a:solidFill>
            <a:srgbClr val="203876"/>
          </a:solidFill>
        </a:ln>
      </dgm:spPr>
      <dgm:t>
        <a:bodyPr/>
        <a:lstStyle/>
        <a:p>
          <a:endParaRPr lang="it-IT" dirty="0"/>
        </a:p>
      </dgm:t>
    </dgm:pt>
    <dgm:pt modelId="{860A9D62-A774-4827-99C6-B85988EE33D2}" type="parTrans" cxnId="{FE556957-0896-4888-AA87-E5E4C892125C}">
      <dgm:prSet>
        <dgm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dgm:style>
      </dgm:prSet>
      <dgm:spPr>
        <a:ln w="19050" cap="flat" cmpd="sng" algn="ctr">
          <a:solidFill>
            <a:srgbClr val="203876"/>
          </a:solidFill>
          <a:prstDash val="dash"/>
          <a:round/>
          <a:headEnd type="none" w="med" len="med"/>
          <a:tailEnd type="none" w="med" len="med"/>
        </a:ln>
      </dgm:spPr>
      <dgm:t>
        <a:bodyPr/>
        <a:lstStyle/>
        <a:p>
          <a:endParaRPr lang="it-IT"/>
        </a:p>
      </dgm:t>
    </dgm:pt>
    <dgm:pt modelId="{5E23C775-6C0E-4497-B82F-B9DC3FFA6939}" type="sibTrans" cxnId="{FE556957-0896-4888-AA87-E5E4C892125C}">
      <dgm:prSet/>
      <dgm:spPr/>
      <dgm:t>
        <a:bodyPr/>
        <a:lstStyle/>
        <a:p>
          <a:endParaRPr lang="it-IT"/>
        </a:p>
      </dgm:t>
    </dgm:pt>
    <dgm:pt modelId="{22B700EF-54DD-47DD-A2EE-9E130B7961B0}">
      <dgm:prSet phldrT="[Testo]"/>
      <dgm:spPr>
        <a:solidFill>
          <a:srgbClr val="DA743B"/>
        </a:solidFill>
        <a:ln>
          <a:solidFill>
            <a:srgbClr val="203876"/>
          </a:solidFill>
        </a:ln>
      </dgm:spPr>
      <dgm:t>
        <a:bodyPr/>
        <a:lstStyle/>
        <a:p>
          <a:endParaRPr lang="it-IT" dirty="0"/>
        </a:p>
      </dgm:t>
    </dgm:pt>
    <dgm:pt modelId="{59F88DEB-F765-49CA-B3E2-EB6DBECAB8BA}" type="parTrans" cxnId="{5B6CF895-ED32-4F02-81F0-672F3C570E09}">
      <dgm:prSet>
        <dgm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dgm:style>
      </dgm:prSet>
      <dgm:spPr>
        <a:ln w="19050" cap="flat" cmpd="sng" algn="ctr">
          <a:solidFill>
            <a:srgbClr val="203876"/>
          </a:solidFill>
          <a:prstDash val="dash"/>
          <a:round/>
          <a:headEnd type="none" w="med" len="med"/>
          <a:tailEnd type="none" w="med" len="med"/>
        </a:ln>
      </dgm:spPr>
      <dgm:t>
        <a:bodyPr/>
        <a:lstStyle/>
        <a:p>
          <a:endParaRPr lang="it-IT"/>
        </a:p>
      </dgm:t>
    </dgm:pt>
    <dgm:pt modelId="{F5E33A6A-BD87-4121-BBF7-06515E859E3D}" type="sibTrans" cxnId="{5B6CF895-ED32-4F02-81F0-672F3C570E09}">
      <dgm:prSet/>
      <dgm:spPr/>
      <dgm:t>
        <a:bodyPr/>
        <a:lstStyle/>
        <a:p>
          <a:endParaRPr lang="it-IT"/>
        </a:p>
      </dgm:t>
    </dgm:pt>
    <dgm:pt modelId="{2A5DA46A-9574-4C16-96DA-69458D5A864F}">
      <dgm:prSet phldrT="[Testo]"/>
      <dgm:spPr>
        <a:solidFill>
          <a:srgbClr val="DA743B"/>
        </a:solidFill>
        <a:ln>
          <a:solidFill>
            <a:srgbClr val="203876"/>
          </a:solidFill>
        </a:ln>
      </dgm:spPr>
      <dgm:t>
        <a:bodyPr/>
        <a:lstStyle/>
        <a:p>
          <a:endParaRPr lang="it-IT" dirty="0"/>
        </a:p>
      </dgm:t>
    </dgm:pt>
    <dgm:pt modelId="{9C04826C-7EC3-4358-AB1C-A4CB2CF722DF}" type="parTrans" cxnId="{E7637CD5-B299-42AC-91AE-CB7D2C89538A}">
      <dgm:prSet>
        <dgm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dgm:style>
      </dgm:prSet>
      <dgm:spPr>
        <a:ln w="19050" cap="flat" cmpd="sng" algn="ctr">
          <a:solidFill>
            <a:srgbClr val="203876"/>
          </a:solidFill>
          <a:prstDash val="dash"/>
          <a:round/>
          <a:headEnd type="none" w="med" len="med"/>
          <a:tailEnd type="none" w="med" len="med"/>
        </a:ln>
      </dgm:spPr>
      <dgm:t>
        <a:bodyPr/>
        <a:lstStyle/>
        <a:p>
          <a:endParaRPr lang="it-IT"/>
        </a:p>
      </dgm:t>
    </dgm:pt>
    <dgm:pt modelId="{F842323D-AF20-43BD-A3AD-5A92D0D08CE7}" type="sibTrans" cxnId="{E7637CD5-B299-42AC-91AE-CB7D2C89538A}">
      <dgm:prSet/>
      <dgm:spPr/>
      <dgm:t>
        <a:bodyPr/>
        <a:lstStyle/>
        <a:p>
          <a:endParaRPr lang="it-IT"/>
        </a:p>
      </dgm:t>
    </dgm:pt>
    <dgm:pt modelId="{052BCDCD-6652-4B2A-8090-4701B45AF53C}">
      <dgm:prSet phldrT="[Testo]"/>
      <dgm:spPr>
        <a:solidFill>
          <a:srgbClr val="DA743B"/>
        </a:solidFill>
        <a:ln>
          <a:solidFill>
            <a:srgbClr val="203876"/>
          </a:solidFill>
        </a:ln>
      </dgm:spPr>
      <dgm:t>
        <a:bodyPr/>
        <a:lstStyle/>
        <a:p>
          <a:endParaRPr lang="it-IT" dirty="0"/>
        </a:p>
      </dgm:t>
    </dgm:pt>
    <dgm:pt modelId="{5E12E6F5-4152-4390-BC52-2C74A9CFD156}" type="parTrans" cxnId="{E2ED4FD8-D4B4-4F0A-BFEF-ED55F9277CB0}">
      <dgm:prSet>
        <dgm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dgm:style>
      </dgm:prSet>
      <dgm:spPr>
        <a:ln w="19050" cap="flat" cmpd="sng" algn="ctr">
          <a:solidFill>
            <a:srgbClr val="203876"/>
          </a:solidFill>
          <a:prstDash val="dash"/>
          <a:round/>
          <a:headEnd type="none" w="med" len="med"/>
          <a:tailEnd type="none" w="med" len="med"/>
        </a:ln>
      </dgm:spPr>
      <dgm:t>
        <a:bodyPr/>
        <a:lstStyle/>
        <a:p>
          <a:endParaRPr lang="it-IT"/>
        </a:p>
      </dgm:t>
    </dgm:pt>
    <dgm:pt modelId="{F367BDFE-F8DB-4E78-AA95-232B04A86589}" type="sibTrans" cxnId="{E2ED4FD8-D4B4-4F0A-BFEF-ED55F9277CB0}">
      <dgm:prSet/>
      <dgm:spPr/>
      <dgm:t>
        <a:bodyPr/>
        <a:lstStyle/>
        <a:p>
          <a:endParaRPr lang="it-IT"/>
        </a:p>
      </dgm:t>
    </dgm:pt>
    <dgm:pt modelId="{82DFD749-D799-41A8-B247-270BACB6E6EE}">
      <dgm:prSet phldrT="[Testo]"/>
      <dgm:spPr>
        <a:solidFill>
          <a:srgbClr val="DA743B"/>
        </a:solidFill>
        <a:ln>
          <a:solidFill>
            <a:srgbClr val="203876"/>
          </a:solidFill>
        </a:ln>
      </dgm:spPr>
      <dgm:t>
        <a:bodyPr/>
        <a:lstStyle/>
        <a:p>
          <a:endParaRPr lang="it-IT" dirty="0"/>
        </a:p>
      </dgm:t>
    </dgm:pt>
    <dgm:pt modelId="{98354825-D2BC-43C1-A379-7709C36FCEB8}" type="parTrans" cxnId="{4A031380-8E39-4296-A481-8B605905E2B9}">
      <dgm:prSet>
        <dgm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dgm:style>
      </dgm:prSet>
      <dgm:spPr>
        <a:ln w="19050" cap="flat" cmpd="sng" algn="ctr">
          <a:solidFill>
            <a:srgbClr val="203876"/>
          </a:solidFill>
          <a:prstDash val="dash"/>
          <a:round/>
          <a:headEnd type="none" w="med" len="med"/>
          <a:tailEnd type="none" w="med" len="med"/>
        </a:ln>
      </dgm:spPr>
      <dgm:t>
        <a:bodyPr/>
        <a:lstStyle/>
        <a:p>
          <a:endParaRPr lang="it-IT"/>
        </a:p>
      </dgm:t>
    </dgm:pt>
    <dgm:pt modelId="{C2D42F3F-1FD0-46A3-B45C-3874D2D48C3C}" type="sibTrans" cxnId="{4A031380-8E39-4296-A481-8B605905E2B9}">
      <dgm:prSet/>
      <dgm:spPr/>
      <dgm:t>
        <a:bodyPr/>
        <a:lstStyle/>
        <a:p>
          <a:endParaRPr lang="it-IT"/>
        </a:p>
      </dgm:t>
    </dgm:pt>
    <dgm:pt modelId="{07AC9634-D375-413C-81E3-F6F40AB77B2C}">
      <dgm:prSet phldrT="[Testo]"/>
      <dgm:spPr>
        <a:solidFill>
          <a:srgbClr val="DA743B"/>
        </a:solidFill>
        <a:ln>
          <a:solidFill>
            <a:srgbClr val="203876"/>
          </a:solidFill>
        </a:ln>
      </dgm:spPr>
      <dgm:t>
        <a:bodyPr/>
        <a:lstStyle/>
        <a:p>
          <a:endParaRPr lang="it-IT" dirty="0"/>
        </a:p>
      </dgm:t>
    </dgm:pt>
    <dgm:pt modelId="{86B66168-46A6-4D51-B89A-D0A47ED079A4}" type="parTrans" cxnId="{64B02AE3-6EC7-4A60-8865-46768EB947AB}">
      <dgm:prSet>
        <dgm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dgm:style>
      </dgm:prSet>
      <dgm:spPr>
        <a:ln w="19050" cap="flat" cmpd="sng" algn="ctr">
          <a:solidFill>
            <a:srgbClr val="203876"/>
          </a:solidFill>
          <a:prstDash val="dash"/>
          <a:round/>
          <a:headEnd type="none" w="med" len="med"/>
          <a:tailEnd type="none" w="med" len="med"/>
        </a:ln>
      </dgm:spPr>
      <dgm:t>
        <a:bodyPr/>
        <a:lstStyle/>
        <a:p>
          <a:endParaRPr lang="it-IT"/>
        </a:p>
      </dgm:t>
    </dgm:pt>
    <dgm:pt modelId="{7B267CBD-9D3B-4083-AF96-1B3E4FD7286F}" type="sibTrans" cxnId="{64B02AE3-6EC7-4A60-8865-46768EB947AB}">
      <dgm:prSet/>
      <dgm:spPr/>
      <dgm:t>
        <a:bodyPr/>
        <a:lstStyle/>
        <a:p>
          <a:endParaRPr lang="it-IT"/>
        </a:p>
      </dgm:t>
    </dgm:pt>
    <dgm:pt modelId="{7ECFB277-070C-4AA5-8A77-17F4AECA0F17}" type="pres">
      <dgm:prSet presAssocID="{43EFDC44-A14D-42AE-AA28-28937F3E48F8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</dgm:pt>
    <dgm:pt modelId="{6F78C722-32EB-494D-B7E0-9E14E39D07DE}" type="pres">
      <dgm:prSet presAssocID="{2A5E76BE-EAA1-4FCF-B17A-326C1144ABFE}" presName="hierRoot1" presStyleCnt="0">
        <dgm:presLayoutVars>
          <dgm:hierBranch val="init"/>
        </dgm:presLayoutVars>
      </dgm:prSet>
      <dgm:spPr/>
    </dgm:pt>
    <dgm:pt modelId="{F41E6ABE-B2A0-4938-BDB0-97B9A082B67D}" type="pres">
      <dgm:prSet presAssocID="{2A5E76BE-EAA1-4FCF-B17A-326C1144ABFE}" presName="rootComposite1" presStyleCnt="0"/>
      <dgm:spPr/>
    </dgm:pt>
    <dgm:pt modelId="{118309CD-B606-4170-9735-EE896C61807A}" type="pres">
      <dgm:prSet presAssocID="{2A5E76BE-EAA1-4FCF-B17A-326C1144ABFE}" presName="rootText1" presStyleLbl="node0" presStyleIdx="0" presStyleCnt="1">
        <dgm:presLayoutVars>
          <dgm:chPref val="3"/>
        </dgm:presLayoutVars>
      </dgm:prSet>
      <dgm:spPr>
        <a:prstGeom prst="roundRect">
          <a:avLst/>
        </a:prstGeom>
      </dgm:spPr>
    </dgm:pt>
    <dgm:pt modelId="{A2FBF7F5-A299-4E1C-8491-F9A9FC1753C7}" type="pres">
      <dgm:prSet presAssocID="{2A5E76BE-EAA1-4FCF-B17A-326C1144ABFE}" presName="rootConnector1" presStyleLbl="node1" presStyleIdx="0" presStyleCnt="0"/>
      <dgm:spPr/>
    </dgm:pt>
    <dgm:pt modelId="{7E382F39-08D9-4F27-B69E-6D62DFF693E4}" type="pres">
      <dgm:prSet presAssocID="{2A5E76BE-EAA1-4FCF-B17A-326C1144ABFE}" presName="hierChild2" presStyleCnt="0"/>
      <dgm:spPr/>
    </dgm:pt>
    <dgm:pt modelId="{59B2F1CD-42F7-4C09-B060-035F441165D8}" type="pres">
      <dgm:prSet presAssocID="{38DE9853-BDEB-4C19-AA47-118498E49985}" presName="Name37" presStyleLbl="parChTrans1D2" presStyleIdx="0" presStyleCnt="3"/>
      <dgm:spPr/>
    </dgm:pt>
    <dgm:pt modelId="{5825FD6D-EF62-4A11-8AA7-E5AC52FD63C7}" type="pres">
      <dgm:prSet presAssocID="{5C2E1CEF-E44E-4B50-AF94-4DD95155D001}" presName="hierRoot2" presStyleCnt="0">
        <dgm:presLayoutVars>
          <dgm:hierBranch val="init"/>
        </dgm:presLayoutVars>
      </dgm:prSet>
      <dgm:spPr/>
    </dgm:pt>
    <dgm:pt modelId="{1E7FF84C-BB44-4A3E-A5D9-54569F607EB6}" type="pres">
      <dgm:prSet presAssocID="{5C2E1CEF-E44E-4B50-AF94-4DD95155D001}" presName="rootComposite" presStyleCnt="0"/>
      <dgm:spPr/>
    </dgm:pt>
    <dgm:pt modelId="{968FD1B9-B451-4421-B5A8-7BD25C8B3794}" type="pres">
      <dgm:prSet presAssocID="{5C2E1CEF-E44E-4B50-AF94-4DD95155D001}" presName="rootText" presStyleLbl="node2" presStyleIdx="0" presStyleCnt="3">
        <dgm:presLayoutVars>
          <dgm:chPref val="3"/>
        </dgm:presLayoutVars>
      </dgm:prSet>
      <dgm:spPr>
        <a:prstGeom prst="roundRect">
          <a:avLst/>
        </a:prstGeom>
      </dgm:spPr>
    </dgm:pt>
    <dgm:pt modelId="{ED5E0851-00D5-4DBC-A64B-2C9F73A88DFB}" type="pres">
      <dgm:prSet presAssocID="{5C2E1CEF-E44E-4B50-AF94-4DD95155D001}" presName="rootConnector" presStyleLbl="node2" presStyleIdx="0" presStyleCnt="3"/>
      <dgm:spPr/>
    </dgm:pt>
    <dgm:pt modelId="{3E4286C9-34DC-488D-AB6C-EE5B3A749C40}" type="pres">
      <dgm:prSet presAssocID="{5C2E1CEF-E44E-4B50-AF94-4DD95155D001}" presName="hierChild4" presStyleCnt="0"/>
      <dgm:spPr/>
    </dgm:pt>
    <dgm:pt modelId="{9D5E496B-DD2C-476B-B4CE-F74B478C5455}" type="pres">
      <dgm:prSet presAssocID="{59F88DEB-F765-49CA-B3E2-EB6DBECAB8BA}" presName="Name37" presStyleLbl="parChTrans1D3" presStyleIdx="0" presStyleCnt="6"/>
      <dgm:spPr/>
    </dgm:pt>
    <dgm:pt modelId="{9CCD1221-2A7C-4ADB-BB0E-EE10B0FD80B5}" type="pres">
      <dgm:prSet presAssocID="{22B700EF-54DD-47DD-A2EE-9E130B7961B0}" presName="hierRoot2" presStyleCnt="0">
        <dgm:presLayoutVars>
          <dgm:hierBranch val="init"/>
        </dgm:presLayoutVars>
      </dgm:prSet>
      <dgm:spPr/>
    </dgm:pt>
    <dgm:pt modelId="{8AC752EC-9F8E-4515-94E2-3DD8C51B7BB2}" type="pres">
      <dgm:prSet presAssocID="{22B700EF-54DD-47DD-A2EE-9E130B7961B0}" presName="rootComposite" presStyleCnt="0"/>
      <dgm:spPr/>
    </dgm:pt>
    <dgm:pt modelId="{FACE8DFE-AD25-4B41-A648-410E0E226C74}" type="pres">
      <dgm:prSet presAssocID="{22B700EF-54DD-47DD-A2EE-9E130B7961B0}" presName="rootText" presStyleLbl="node3" presStyleIdx="0" presStyleCnt="6">
        <dgm:presLayoutVars>
          <dgm:chPref val="3"/>
        </dgm:presLayoutVars>
      </dgm:prSet>
      <dgm:spPr>
        <a:prstGeom prst="roundRect">
          <a:avLst/>
        </a:prstGeom>
      </dgm:spPr>
    </dgm:pt>
    <dgm:pt modelId="{7FD7437E-001A-4CE5-A6C5-46B5D32DBE50}" type="pres">
      <dgm:prSet presAssocID="{22B700EF-54DD-47DD-A2EE-9E130B7961B0}" presName="rootConnector" presStyleLbl="node3" presStyleIdx="0" presStyleCnt="6"/>
      <dgm:spPr/>
    </dgm:pt>
    <dgm:pt modelId="{AF7A69AE-1EBE-4040-9FB1-E3CA9778DA30}" type="pres">
      <dgm:prSet presAssocID="{22B700EF-54DD-47DD-A2EE-9E130B7961B0}" presName="hierChild4" presStyleCnt="0"/>
      <dgm:spPr/>
    </dgm:pt>
    <dgm:pt modelId="{E1361AA8-E874-40DD-B186-EC8B232967C5}" type="pres">
      <dgm:prSet presAssocID="{22B700EF-54DD-47DD-A2EE-9E130B7961B0}" presName="hierChild5" presStyleCnt="0"/>
      <dgm:spPr/>
    </dgm:pt>
    <dgm:pt modelId="{2D658434-1EC3-451B-834F-2171DC75A403}" type="pres">
      <dgm:prSet presAssocID="{860A9D62-A774-4827-99C6-B85988EE33D2}" presName="Name37" presStyleLbl="parChTrans1D3" presStyleIdx="1" presStyleCnt="6"/>
      <dgm:spPr/>
    </dgm:pt>
    <dgm:pt modelId="{B0DC4D6A-2824-4155-8236-4736E9656946}" type="pres">
      <dgm:prSet presAssocID="{8CCA70D5-FC52-4945-A823-13B54C033991}" presName="hierRoot2" presStyleCnt="0">
        <dgm:presLayoutVars>
          <dgm:hierBranch val="init"/>
        </dgm:presLayoutVars>
      </dgm:prSet>
      <dgm:spPr/>
    </dgm:pt>
    <dgm:pt modelId="{6735CBAD-0066-4E5A-87CB-879DAE327030}" type="pres">
      <dgm:prSet presAssocID="{8CCA70D5-FC52-4945-A823-13B54C033991}" presName="rootComposite" presStyleCnt="0"/>
      <dgm:spPr/>
    </dgm:pt>
    <dgm:pt modelId="{3BA049E5-F41D-4B3A-8EDE-7E529ABA2F41}" type="pres">
      <dgm:prSet presAssocID="{8CCA70D5-FC52-4945-A823-13B54C033991}" presName="rootText" presStyleLbl="node3" presStyleIdx="1" presStyleCnt="6">
        <dgm:presLayoutVars>
          <dgm:chPref val="3"/>
        </dgm:presLayoutVars>
      </dgm:prSet>
      <dgm:spPr>
        <a:prstGeom prst="roundRect">
          <a:avLst/>
        </a:prstGeom>
      </dgm:spPr>
    </dgm:pt>
    <dgm:pt modelId="{49CF9D26-678C-4A6C-A98B-12490EC8C7E6}" type="pres">
      <dgm:prSet presAssocID="{8CCA70D5-FC52-4945-A823-13B54C033991}" presName="rootConnector" presStyleLbl="node3" presStyleIdx="1" presStyleCnt="6"/>
      <dgm:spPr/>
    </dgm:pt>
    <dgm:pt modelId="{004AA4DF-8469-4BE6-8E9F-DE94857CE2FA}" type="pres">
      <dgm:prSet presAssocID="{8CCA70D5-FC52-4945-A823-13B54C033991}" presName="hierChild4" presStyleCnt="0"/>
      <dgm:spPr/>
    </dgm:pt>
    <dgm:pt modelId="{54577620-E030-47B5-AEB8-D27631F91BC9}" type="pres">
      <dgm:prSet presAssocID="{8CCA70D5-FC52-4945-A823-13B54C033991}" presName="hierChild5" presStyleCnt="0"/>
      <dgm:spPr/>
    </dgm:pt>
    <dgm:pt modelId="{CEAE828C-1D5B-4D3F-B3B7-1C660631B615}" type="pres">
      <dgm:prSet presAssocID="{5C2E1CEF-E44E-4B50-AF94-4DD95155D001}" presName="hierChild5" presStyleCnt="0"/>
      <dgm:spPr/>
    </dgm:pt>
    <dgm:pt modelId="{9F709597-61DF-4424-A9A8-D10420BB6F5B}" type="pres">
      <dgm:prSet presAssocID="{F587088F-BEB2-4403-84D6-125A995F0C42}" presName="Name37" presStyleLbl="parChTrans1D2" presStyleIdx="1" presStyleCnt="3"/>
      <dgm:spPr/>
    </dgm:pt>
    <dgm:pt modelId="{A0FCA129-EED1-401B-BA7A-77AC97CAB124}" type="pres">
      <dgm:prSet presAssocID="{B3A4366F-5140-45AB-A4C1-C91874E9E45A}" presName="hierRoot2" presStyleCnt="0">
        <dgm:presLayoutVars>
          <dgm:hierBranch val="init"/>
        </dgm:presLayoutVars>
      </dgm:prSet>
      <dgm:spPr/>
    </dgm:pt>
    <dgm:pt modelId="{8923ED34-1788-4A5E-B499-187A76415689}" type="pres">
      <dgm:prSet presAssocID="{B3A4366F-5140-45AB-A4C1-C91874E9E45A}" presName="rootComposite" presStyleCnt="0"/>
      <dgm:spPr/>
    </dgm:pt>
    <dgm:pt modelId="{5ADB8FD1-9AE3-4AF1-8BDC-A680C9D0E420}" type="pres">
      <dgm:prSet presAssocID="{B3A4366F-5140-45AB-A4C1-C91874E9E45A}" presName="rootText" presStyleLbl="node2" presStyleIdx="1" presStyleCnt="3">
        <dgm:presLayoutVars>
          <dgm:chPref val="3"/>
        </dgm:presLayoutVars>
      </dgm:prSet>
      <dgm:spPr>
        <a:prstGeom prst="roundRect">
          <a:avLst/>
        </a:prstGeom>
      </dgm:spPr>
    </dgm:pt>
    <dgm:pt modelId="{E4E47032-62CC-41F7-8014-4BF73E441E33}" type="pres">
      <dgm:prSet presAssocID="{B3A4366F-5140-45AB-A4C1-C91874E9E45A}" presName="rootConnector" presStyleLbl="node2" presStyleIdx="1" presStyleCnt="3"/>
      <dgm:spPr/>
    </dgm:pt>
    <dgm:pt modelId="{E9E7AD47-91F4-4B9C-B5E4-83F00D20690D}" type="pres">
      <dgm:prSet presAssocID="{B3A4366F-5140-45AB-A4C1-C91874E9E45A}" presName="hierChild4" presStyleCnt="0"/>
      <dgm:spPr/>
    </dgm:pt>
    <dgm:pt modelId="{4D6DA9B9-3542-4AF9-AAFE-96EA78492C25}" type="pres">
      <dgm:prSet presAssocID="{5E12E6F5-4152-4390-BC52-2C74A9CFD156}" presName="Name37" presStyleLbl="parChTrans1D3" presStyleIdx="2" presStyleCnt="6"/>
      <dgm:spPr/>
    </dgm:pt>
    <dgm:pt modelId="{AE01B4BF-5A8B-4765-92D2-3019E688C286}" type="pres">
      <dgm:prSet presAssocID="{052BCDCD-6652-4B2A-8090-4701B45AF53C}" presName="hierRoot2" presStyleCnt="0">
        <dgm:presLayoutVars>
          <dgm:hierBranch val="init"/>
        </dgm:presLayoutVars>
      </dgm:prSet>
      <dgm:spPr/>
    </dgm:pt>
    <dgm:pt modelId="{EA3A4C67-7768-48F9-A806-24B8773C9107}" type="pres">
      <dgm:prSet presAssocID="{052BCDCD-6652-4B2A-8090-4701B45AF53C}" presName="rootComposite" presStyleCnt="0"/>
      <dgm:spPr/>
    </dgm:pt>
    <dgm:pt modelId="{5E474C74-FD3F-4A7E-A5D6-C03FF529FFB0}" type="pres">
      <dgm:prSet presAssocID="{052BCDCD-6652-4B2A-8090-4701B45AF53C}" presName="rootText" presStyleLbl="node3" presStyleIdx="2" presStyleCnt="6">
        <dgm:presLayoutVars>
          <dgm:chPref val="3"/>
        </dgm:presLayoutVars>
      </dgm:prSet>
      <dgm:spPr>
        <a:prstGeom prst="roundRect">
          <a:avLst/>
        </a:prstGeom>
      </dgm:spPr>
    </dgm:pt>
    <dgm:pt modelId="{C8431A90-17C8-4EF7-B0DA-9F3589587803}" type="pres">
      <dgm:prSet presAssocID="{052BCDCD-6652-4B2A-8090-4701B45AF53C}" presName="rootConnector" presStyleLbl="node3" presStyleIdx="2" presStyleCnt="6"/>
      <dgm:spPr/>
    </dgm:pt>
    <dgm:pt modelId="{D1DA1587-3AB9-4B89-9FE8-DEEE0ADF1C9C}" type="pres">
      <dgm:prSet presAssocID="{052BCDCD-6652-4B2A-8090-4701B45AF53C}" presName="hierChild4" presStyleCnt="0"/>
      <dgm:spPr/>
    </dgm:pt>
    <dgm:pt modelId="{2A1B89FC-A232-414E-AAF6-0C2495781E69}" type="pres">
      <dgm:prSet presAssocID="{052BCDCD-6652-4B2A-8090-4701B45AF53C}" presName="hierChild5" presStyleCnt="0"/>
      <dgm:spPr/>
    </dgm:pt>
    <dgm:pt modelId="{23DAD29D-C1B1-45BC-80BC-2E6D7060E46D}" type="pres">
      <dgm:prSet presAssocID="{9C04826C-7EC3-4358-AB1C-A4CB2CF722DF}" presName="Name37" presStyleLbl="parChTrans1D3" presStyleIdx="3" presStyleCnt="6"/>
      <dgm:spPr/>
    </dgm:pt>
    <dgm:pt modelId="{BEAF0C22-EA9F-48D9-93E0-C4A0D12D6AFB}" type="pres">
      <dgm:prSet presAssocID="{2A5DA46A-9574-4C16-96DA-69458D5A864F}" presName="hierRoot2" presStyleCnt="0">
        <dgm:presLayoutVars>
          <dgm:hierBranch val="init"/>
        </dgm:presLayoutVars>
      </dgm:prSet>
      <dgm:spPr/>
    </dgm:pt>
    <dgm:pt modelId="{007AE6CF-C08E-42C0-9FBD-569822330982}" type="pres">
      <dgm:prSet presAssocID="{2A5DA46A-9574-4C16-96DA-69458D5A864F}" presName="rootComposite" presStyleCnt="0"/>
      <dgm:spPr/>
    </dgm:pt>
    <dgm:pt modelId="{951D5684-4799-4A60-B9C8-988EFC188F21}" type="pres">
      <dgm:prSet presAssocID="{2A5DA46A-9574-4C16-96DA-69458D5A864F}" presName="rootText" presStyleLbl="node3" presStyleIdx="3" presStyleCnt="6">
        <dgm:presLayoutVars>
          <dgm:chPref val="3"/>
        </dgm:presLayoutVars>
      </dgm:prSet>
      <dgm:spPr>
        <a:prstGeom prst="roundRect">
          <a:avLst/>
        </a:prstGeom>
      </dgm:spPr>
    </dgm:pt>
    <dgm:pt modelId="{997DD748-40F1-4C6F-914C-F0BE3038A0FB}" type="pres">
      <dgm:prSet presAssocID="{2A5DA46A-9574-4C16-96DA-69458D5A864F}" presName="rootConnector" presStyleLbl="node3" presStyleIdx="3" presStyleCnt="6"/>
      <dgm:spPr/>
    </dgm:pt>
    <dgm:pt modelId="{121F3766-90BE-4383-BF32-F9EF0CF6197C}" type="pres">
      <dgm:prSet presAssocID="{2A5DA46A-9574-4C16-96DA-69458D5A864F}" presName="hierChild4" presStyleCnt="0"/>
      <dgm:spPr/>
    </dgm:pt>
    <dgm:pt modelId="{91331CFE-4454-43C9-9BAE-ED5AEBEA4008}" type="pres">
      <dgm:prSet presAssocID="{2A5DA46A-9574-4C16-96DA-69458D5A864F}" presName="hierChild5" presStyleCnt="0"/>
      <dgm:spPr/>
    </dgm:pt>
    <dgm:pt modelId="{5B9CBDB1-93C3-4994-B2F4-AD331F588B01}" type="pres">
      <dgm:prSet presAssocID="{B3A4366F-5140-45AB-A4C1-C91874E9E45A}" presName="hierChild5" presStyleCnt="0"/>
      <dgm:spPr/>
    </dgm:pt>
    <dgm:pt modelId="{00D52FF9-A33F-40D3-9F8F-5183C9D087A6}" type="pres">
      <dgm:prSet presAssocID="{6404B36B-BB9C-476B-BA46-B66BF8C84CEB}" presName="Name37" presStyleLbl="parChTrans1D2" presStyleIdx="2" presStyleCnt="3"/>
      <dgm:spPr/>
    </dgm:pt>
    <dgm:pt modelId="{272C52AC-F1B9-435D-9E7B-0CEF27CA2F0D}" type="pres">
      <dgm:prSet presAssocID="{5E12069E-5899-494B-A515-630F6CD47F07}" presName="hierRoot2" presStyleCnt="0">
        <dgm:presLayoutVars>
          <dgm:hierBranch val="init"/>
        </dgm:presLayoutVars>
      </dgm:prSet>
      <dgm:spPr/>
    </dgm:pt>
    <dgm:pt modelId="{7A1A7CCA-35C8-42BB-865D-25320F51366F}" type="pres">
      <dgm:prSet presAssocID="{5E12069E-5899-494B-A515-630F6CD47F07}" presName="rootComposite" presStyleCnt="0"/>
      <dgm:spPr/>
    </dgm:pt>
    <dgm:pt modelId="{FBB05F1F-5FE0-46E6-878B-0D4D6B2FE57E}" type="pres">
      <dgm:prSet presAssocID="{5E12069E-5899-494B-A515-630F6CD47F07}" presName="rootText" presStyleLbl="node2" presStyleIdx="2" presStyleCnt="3">
        <dgm:presLayoutVars>
          <dgm:chPref val="3"/>
        </dgm:presLayoutVars>
      </dgm:prSet>
      <dgm:spPr>
        <a:prstGeom prst="roundRect">
          <a:avLst/>
        </a:prstGeom>
      </dgm:spPr>
    </dgm:pt>
    <dgm:pt modelId="{6BB12917-A8A3-4521-A9BE-23CA7F146B38}" type="pres">
      <dgm:prSet presAssocID="{5E12069E-5899-494B-A515-630F6CD47F07}" presName="rootConnector" presStyleLbl="node2" presStyleIdx="2" presStyleCnt="3"/>
      <dgm:spPr/>
    </dgm:pt>
    <dgm:pt modelId="{FF1D8013-79A5-44F2-B9C0-32C678E8EC37}" type="pres">
      <dgm:prSet presAssocID="{5E12069E-5899-494B-A515-630F6CD47F07}" presName="hierChild4" presStyleCnt="0"/>
      <dgm:spPr/>
    </dgm:pt>
    <dgm:pt modelId="{4B0CB82F-530A-4268-9561-C05106138569}" type="pres">
      <dgm:prSet presAssocID="{86B66168-46A6-4D51-B89A-D0A47ED079A4}" presName="Name37" presStyleLbl="parChTrans1D3" presStyleIdx="4" presStyleCnt="6"/>
      <dgm:spPr/>
    </dgm:pt>
    <dgm:pt modelId="{71FD9F19-A77A-4D77-97E1-7F8DD5E79776}" type="pres">
      <dgm:prSet presAssocID="{07AC9634-D375-413C-81E3-F6F40AB77B2C}" presName="hierRoot2" presStyleCnt="0">
        <dgm:presLayoutVars>
          <dgm:hierBranch val="init"/>
        </dgm:presLayoutVars>
      </dgm:prSet>
      <dgm:spPr/>
    </dgm:pt>
    <dgm:pt modelId="{3BCAD9BB-394A-4EAF-A4A4-4FD99EACD3C5}" type="pres">
      <dgm:prSet presAssocID="{07AC9634-D375-413C-81E3-F6F40AB77B2C}" presName="rootComposite" presStyleCnt="0"/>
      <dgm:spPr/>
    </dgm:pt>
    <dgm:pt modelId="{6AB65AA2-40C4-4FB2-850D-B69C1E6FDC44}" type="pres">
      <dgm:prSet presAssocID="{07AC9634-D375-413C-81E3-F6F40AB77B2C}" presName="rootText" presStyleLbl="node3" presStyleIdx="4" presStyleCnt="6">
        <dgm:presLayoutVars>
          <dgm:chPref val="3"/>
        </dgm:presLayoutVars>
      </dgm:prSet>
      <dgm:spPr>
        <a:prstGeom prst="roundRect">
          <a:avLst/>
        </a:prstGeom>
      </dgm:spPr>
    </dgm:pt>
    <dgm:pt modelId="{32F9CA57-FACB-4C9F-B571-9EB227B1BD61}" type="pres">
      <dgm:prSet presAssocID="{07AC9634-D375-413C-81E3-F6F40AB77B2C}" presName="rootConnector" presStyleLbl="node3" presStyleIdx="4" presStyleCnt="6"/>
      <dgm:spPr/>
    </dgm:pt>
    <dgm:pt modelId="{541CC8E6-1CBF-464D-AC4F-FA982741E9A9}" type="pres">
      <dgm:prSet presAssocID="{07AC9634-D375-413C-81E3-F6F40AB77B2C}" presName="hierChild4" presStyleCnt="0"/>
      <dgm:spPr/>
    </dgm:pt>
    <dgm:pt modelId="{0037500C-6B1D-4A8F-92C0-410B2487D802}" type="pres">
      <dgm:prSet presAssocID="{07AC9634-D375-413C-81E3-F6F40AB77B2C}" presName="hierChild5" presStyleCnt="0"/>
      <dgm:spPr/>
    </dgm:pt>
    <dgm:pt modelId="{DD4F156E-1BD8-481D-AF0C-6B974AA6CA81}" type="pres">
      <dgm:prSet presAssocID="{98354825-D2BC-43C1-A379-7709C36FCEB8}" presName="Name37" presStyleLbl="parChTrans1D3" presStyleIdx="5" presStyleCnt="6"/>
      <dgm:spPr/>
    </dgm:pt>
    <dgm:pt modelId="{51D9817E-09B4-4A9D-922D-384B04D4B9B1}" type="pres">
      <dgm:prSet presAssocID="{82DFD749-D799-41A8-B247-270BACB6E6EE}" presName="hierRoot2" presStyleCnt="0">
        <dgm:presLayoutVars>
          <dgm:hierBranch val="init"/>
        </dgm:presLayoutVars>
      </dgm:prSet>
      <dgm:spPr/>
    </dgm:pt>
    <dgm:pt modelId="{9563D33A-9633-46DC-BC03-E3FB5C3BC6E9}" type="pres">
      <dgm:prSet presAssocID="{82DFD749-D799-41A8-B247-270BACB6E6EE}" presName="rootComposite" presStyleCnt="0"/>
      <dgm:spPr/>
    </dgm:pt>
    <dgm:pt modelId="{48F85580-8FD1-4112-966A-20D7FA4D30BA}" type="pres">
      <dgm:prSet presAssocID="{82DFD749-D799-41A8-B247-270BACB6E6EE}" presName="rootText" presStyleLbl="node3" presStyleIdx="5" presStyleCnt="6">
        <dgm:presLayoutVars>
          <dgm:chPref val="3"/>
        </dgm:presLayoutVars>
      </dgm:prSet>
      <dgm:spPr>
        <a:prstGeom prst="roundRect">
          <a:avLst/>
        </a:prstGeom>
      </dgm:spPr>
    </dgm:pt>
    <dgm:pt modelId="{F57FCDE1-DD66-4328-B2B6-42B5CDA93852}" type="pres">
      <dgm:prSet presAssocID="{82DFD749-D799-41A8-B247-270BACB6E6EE}" presName="rootConnector" presStyleLbl="node3" presStyleIdx="5" presStyleCnt="6"/>
      <dgm:spPr/>
    </dgm:pt>
    <dgm:pt modelId="{AACB34CA-E4A1-4455-A217-3D57266A2888}" type="pres">
      <dgm:prSet presAssocID="{82DFD749-D799-41A8-B247-270BACB6E6EE}" presName="hierChild4" presStyleCnt="0"/>
      <dgm:spPr/>
    </dgm:pt>
    <dgm:pt modelId="{F74B7A8D-E7F9-489F-A65D-08E21D27C30D}" type="pres">
      <dgm:prSet presAssocID="{82DFD749-D799-41A8-B247-270BACB6E6EE}" presName="hierChild5" presStyleCnt="0"/>
      <dgm:spPr/>
    </dgm:pt>
    <dgm:pt modelId="{5702DD84-7AAF-4028-8D0E-4F69845C7009}" type="pres">
      <dgm:prSet presAssocID="{5E12069E-5899-494B-A515-630F6CD47F07}" presName="hierChild5" presStyleCnt="0"/>
      <dgm:spPr/>
    </dgm:pt>
    <dgm:pt modelId="{69415E83-99E8-4EED-AFCD-6D01F9A45560}" type="pres">
      <dgm:prSet presAssocID="{2A5E76BE-EAA1-4FCF-B17A-326C1144ABFE}" presName="hierChild3" presStyleCnt="0"/>
      <dgm:spPr/>
    </dgm:pt>
  </dgm:ptLst>
  <dgm:cxnLst>
    <dgm:cxn modelId="{B6D07A0A-130D-4B6E-9753-0EB2817EDBF4}" type="presOf" srcId="{22B700EF-54DD-47DD-A2EE-9E130B7961B0}" destId="{7FD7437E-001A-4CE5-A6C5-46B5D32DBE50}" srcOrd="1" destOrd="0" presId="urn:microsoft.com/office/officeart/2005/8/layout/orgChart1"/>
    <dgm:cxn modelId="{B95F6B19-46C8-462A-91E3-EC9B8F861F2C}" type="presOf" srcId="{2A5E76BE-EAA1-4FCF-B17A-326C1144ABFE}" destId="{118309CD-B606-4170-9735-EE896C61807A}" srcOrd="0" destOrd="0" presId="urn:microsoft.com/office/officeart/2005/8/layout/orgChart1"/>
    <dgm:cxn modelId="{1562B220-E8A4-4B88-8105-9DC5AE3C20FE}" srcId="{2A5E76BE-EAA1-4FCF-B17A-326C1144ABFE}" destId="{5C2E1CEF-E44E-4B50-AF94-4DD95155D001}" srcOrd="0" destOrd="0" parTransId="{38DE9853-BDEB-4C19-AA47-118498E49985}" sibTransId="{74778846-2399-41B2-9D5F-500ED9D4F6DA}"/>
    <dgm:cxn modelId="{10344723-66A6-4F83-AA54-4478FF901AC2}" type="presOf" srcId="{860A9D62-A774-4827-99C6-B85988EE33D2}" destId="{2D658434-1EC3-451B-834F-2171DC75A403}" srcOrd="0" destOrd="0" presId="urn:microsoft.com/office/officeart/2005/8/layout/orgChart1"/>
    <dgm:cxn modelId="{517A672D-9F5D-4C29-9A23-D77EAC00ECBB}" type="presOf" srcId="{2A5E76BE-EAA1-4FCF-B17A-326C1144ABFE}" destId="{A2FBF7F5-A299-4E1C-8491-F9A9FC1753C7}" srcOrd="1" destOrd="0" presId="urn:microsoft.com/office/officeart/2005/8/layout/orgChart1"/>
    <dgm:cxn modelId="{5C7D402E-0FB9-4353-9472-8CA4752F94A4}" type="presOf" srcId="{07AC9634-D375-413C-81E3-F6F40AB77B2C}" destId="{6AB65AA2-40C4-4FB2-850D-B69C1E6FDC44}" srcOrd="0" destOrd="0" presId="urn:microsoft.com/office/officeart/2005/8/layout/orgChart1"/>
    <dgm:cxn modelId="{E37ED832-8B04-4F4A-B897-DC2F3B068071}" type="presOf" srcId="{052BCDCD-6652-4B2A-8090-4701B45AF53C}" destId="{5E474C74-FD3F-4A7E-A5D6-C03FF529FFB0}" srcOrd="0" destOrd="0" presId="urn:microsoft.com/office/officeart/2005/8/layout/orgChart1"/>
    <dgm:cxn modelId="{36DC2F34-166C-446C-8B5C-F08A053A83D7}" type="presOf" srcId="{8CCA70D5-FC52-4945-A823-13B54C033991}" destId="{3BA049E5-F41D-4B3A-8EDE-7E529ABA2F41}" srcOrd="0" destOrd="0" presId="urn:microsoft.com/office/officeart/2005/8/layout/orgChart1"/>
    <dgm:cxn modelId="{D84C8934-E37C-467F-B29D-A4BE33C0E682}" type="presOf" srcId="{2A5DA46A-9574-4C16-96DA-69458D5A864F}" destId="{997DD748-40F1-4C6F-914C-F0BE3038A0FB}" srcOrd="1" destOrd="0" presId="urn:microsoft.com/office/officeart/2005/8/layout/orgChart1"/>
    <dgm:cxn modelId="{5AEC9340-9559-49ED-9C66-C152849B9372}" type="presOf" srcId="{22B700EF-54DD-47DD-A2EE-9E130B7961B0}" destId="{FACE8DFE-AD25-4B41-A648-410E0E226C74}" srcOrd="0" destOrd="0" presId="urn:microsoft.com/office/officeart/2005/8/layout/orgChart1"/>
    <dgm:cxn modelId="{11999064-0848-4983-A461-32DF2A569B67}" type="presOf" srcId="{86B66168-46A6-4D51-B89A-D0A47ED079A4}" destId="{4B0CB82F-530A-4268-9561-C05106138569}" srcOrd="0" destOrd="0" presId="urn:microsoft.com/office/officeart/2005/8/layout/orgChart1"/>
    <dgm:cxn modelId="{C7AD5D65-67AA-4171-B717-195B406BFACB}" type="presOf" srcId="{F587088F-BEB2-4403-84D6-125A995F0C42}" destId="{9F709597-61DF-4424-A9A8-D10420BB6F5B}" srcOrd="0" destOrd="0" presId="urn:microsoft.com/office/officeart/2005/8/layout/orgChart1"/>
    <dgm:cxn modelId="{D6966D6A-6E5F-41BA-8C01-249D4EA9265B}" type="presOf" srcId="{5E12069E-5899-494B-A515-630F6CD47F07}" destId="{6BB12917-A8A3-4521-A9BE-23CA7F146B38}" srcOrd="1" destOrd="0" presId="urn:microsoft.com/office/officeart/2005/8/layout/orgChart1"/>
    <dgm:cxn modelId="{97689A4C-E50C-43E7-A74C-58F2569F708E}" type="presOf" srcId="{B3A4366F-5140-45AB-A4C1-C91874E9E45A}" destId="{5ADB8FD1-9AE3-4AF1-8BDC-A680C9D0E420}" srcOrd="0" destOrd="0" presId="urn:microsoft.com/office/officeart/2005/8/layout/orgChart1"/>
    <dgm:cxn modelId="{FE556957-0896-4888-AA87-E5E4C892125C}" srcId="{5C2E1CEF-E44E-4B50-AF94-4DD95155D001}" destId="{8CCA70D5-FC52-4945-A823-13B54C033991}" srcOrd="1" destOrd="0" parTransId="{860A9D62-A774-4827-99C6-B85988EE33D2}" sibTransId="{5E23C775-6C0E-4497-B82F-B9DC3FFA6939}"/>
    <dgm:cxn modelId="{1F540E79-F12E-4FF5-A06A-77B628010845}" type="presOf" srcId="{82DFD749-D799-41A8-B247-270BACB6E6EE}" destId="{48F85580-8FD1-4112-966A-20D7FA4D30BA}" srcOrd="0" destOrd="0" presId="urn:microsoft.com/office/officeart/2005/8/layout/orgChart1"/>
    <dgm:cxn modelId="{861C045A-F7D9-4676-B1BB-5D85EB816CFB}" type="presOf" srcId="{052BCDCD-6652-4B2A-8090-4701B45AF53C}" destId="{C8431A90-17C8-4EF7-B0DA-9F3589587803}" srcOrd="1" destOrd="0" presId="urn:microsoft.com/office/officeart/2005/8/layout/orgChart1"/>
    <dgm:cxn modelId="{2B42E65A-DFA1-4991-B946-4EC35F92AA6E}" type="presOf" srcId="{43EFDC44-A14D-42AE-AA28-28937F3E48F8}" destId="{7ECFB277-070C-4AA5-8A77-17F4AECA0F17}" srcOrd="0" destOrd="0" presId="urn:microsoft.com/office/officeart/2005/8/layout/orgChart1"/>
    <dgm:cxn modelId="{8367BD7D-1776-40B5-84B5-0B6346191B3B}" type="presOf" srcId="{98354825-D2BC-43C1-A379-7709C36FCEB8}" destId="{DD4F156E-1BD8-481D-AF0C-6B974AA6CA81}" srcOrd="0" destOrd="0" presId="urn:microsoft.com/office/officeart/2005/8/layout/orgChart1"/>
    <dgm:cxn modelId="{4A031380-8E39-4296-A481-8B605905E2B9}" srcId="{5E12069E-5899-494B-A515-630F6CD47F07}" destId="{82DFD749-D799-41A8-B247-270BACB6E6EE}" srcOrd="1" destOrd="0" parTransId="{98354825-D2BC-43C1-A379-7709C36FCEB8}" sibTransId="{C2D42F3F-1FD0-46A3-B45C-3874D2D48C3C}"/>
    <dgm:cxn modelId="{B9219F88-C241-464F-ACA9-2A252F4AB74D}" type="presOf" srcId="{07AC9634-D375-413C-81E3-F6F40AB77B2C}" destId="{32F9CA57-FACB-4C9F-B571-9EB227B1BD61}" srcOrd="1" destOrd="0" presId="urn:microsoft.com/office/officeart/2005/8/layout/orgChart1"/>
    <dgm:cxn modelId="{CC11C78C-726C-44AE-8783-38CD7C069232}" type="presOf" srcId="{8CCA70D5-FC52-4945-A823-13B54C033991}" destId="{49CF9D26-678C-4A6C-A98B-12490EC8C7E6}" srcOrd="1" destOrd="0" presId="urn:microsoft.com/office/officeart/2005/8/layout/orgChart1"/>
    <dgm:cxn modelId="{5B6CF895-ED32-4F02-81F0-672F3C570E09}" srcId="{5C2E1CEF-E44E-4B50-AF94-4DD95155D001}" destId="{22B700EF-54DD-47DD-A2EE-9E130B7961B0}" srcOrd="0" destOrd="0" parTransId="{59F88DEB-F765-49CA-B3E2-EB6DBECAB8BA}" sibTransId="{F5E33A6A-BD87-4121-BBF7-06515E859E3D}"/>
    <dgm:cxn modelId="{5DD32898-7AFA-46EF-99E0-6855204E0C3F}" type="presOf" srcId="{5C2E1CEF-E44E-4B50-AF94-4DD95155D001}" destId="{ED5E0851-00D5-4DBC-A64B-2C9F73A88DFB}" srcOrd="1" destOrd="0" presId="urn:microsoft.com/office/officeart/2005/8/layout/orgChart1"/>
    <dgm:cxn modelId="{5FB1329F-5A03-4AFF-AC58-1CDFC9FF8610}" type="presOf" srcId="{5C2E1CEF-E44E-4B50-AF94-4DD95155D001}" destId="{968FD1B9-B451-4421-B5A8-7BD25C8B3794}" srcOrd="0" destOrd="0" presId="urn:microsoft.com/office/officeart/2005/8/layout/orgChart1"/>
    <dgm:cxn modelId="{AF5897A3-A60D-4328-8BDB-6C9D2530CD76}" type="presOf" srcId="{82DFD749-D799-41A8-B247-270BACB6E6EE}" destId="{F57FCDE1-DD66-4328-B2B6-42B5CDA93852}" srcOrd="1" destOrd="0" presId="urn:microsoft.com/office/officeart/2005/8/layout/orgChart1"/>
    <dgm:cxn modelId="{4C9464A5-FBA9-48DD-AD71-2A58B1BD5C40}" type="presOf" srcId="{5E12069E-5899-494B-A515-630F6CD47F07}" destId="{FBB05F1F-5FE0-46E6-878B-0D4D6B2FE57E}" srcOrd="0" destOrd="0" presId="urn:microsoft.com/office/officeart/2005/8/layout/orgChart1"/>
    <dgm:cxn modelId="{9429C3A8-12AF-4F4A-835D-9CF99B15CA64}" srcId="{2A5E76BE-EAA1-4FCF-B17A-326C1144ABFE}" destId="{5E12069E-5899-494B-A515-630F6CD47F07}" srcOrd="2" destOrd="0" parTransId="{6404B36B-BB9C-476B-BA46-B66BF8C84CEB}" sibTransId="{4AB3DD76-D15F-463D-A3E7-D7B7324A45CE}"/>
    <dgm:cxn modelId="{DFD500B6-0B9D-4392-8F70-0544DEE26AAC}" type="presOf" srcId="{38DE9853-BDEB-4C19-AA47-118498E49985}" destId="{59B2F1CD-42F7-4C09-B060-035F441165D8}" srcOrd="0" destOrd="0" presId="urn:microsoft.com/office/officeart/2005/8/layout/orgChart1"/>
    <dgm:cxn modelId="{A25113BC-99F0-4D55-9149-23782639F255}" type="presOf" srcId="{59F88DEB-F765-49CA-B3E2-EB6DBECAB8BA}" destId="{9D5E496B-DD2C-476B-B4CE-F74B478C5455}" srcOrd="0" destOrd="0" presId="urn:microsoft.com/office/officeart/2005/8/layout/orgChart1"/>
    <dgm:cxn modelId="{2B2315C4-A3EE-4FF5-9CFB-C36182BD1D42}" srcId="{2A5E76BE-EAA1-4FCF-B17A-326C1144ABFE}" destId="{B3A4366F-5140-45AB-A4C1-C91874E9E45A}" srcOrd="1" destOrd="0" parTransId="{F587088F-BEB2-4403-84D6-125A995F0C42}" sibTransId="{B7811750-6466-4309-B67C-8A4129545F62}"/>
    <dgm:cxn modelId="{D50A96D2-C26A-42E4-AD2D-B83D88FDB24E}" type="presOf" srcId="{9C04826C-7EC3-4358-AB1C-A4CB2CF722DF}" destId="{23DAD29D-C1B1-45BC-80BC-2E6D7060E46D}" srcOrd="0" destOrd="0" presId="urn:microsoft.com/office/officeart/2005/8/layout/orgChart1"/>
    <dgm:cxn modelId="{E7637CD5-B299-42AC-91AE-CB7D2C89538A}" srcId="{B3A4366F-5140-45AB-A4C1-C91874E9E45A}" destId="{2A5DA46A-9574-4C16-96DA-69458D5A864F}" srcOrd="1" destOrd="0" parTransId="{9C04826C-7EC3-4358-AB1C-A4CB2CF722DF}" sibTransId="{F842323D-AF20-43BD-A3AD-5A92D0D08CE7}"/>
    <dgm:cxn modelId="{C9BBEAD5-AFFA-4077-8E74-F59BFA513D7E}" type="presOf" srcId="{6404B36B-BB9C-476B-BA46-B66BF8C84CEB}" destId="{00D52FF9-A33F-40D3-9F8F-5183C9D087A6}" srcOrd="0" destOrd="0" presId="urn:microsoft.com/office/officeart/2005/8/layout/orgChart1"/>
    <dgm:cxn modelId="{E2ED4FD8-D4B4-4F0A-BFEF-ED55F9277CB0}" srcId="{B3A4366F-5140-45AB-A4C1-C91874E9E45A}" destId="{052BCDCD-6652-4B2A-8090-4701B45AF53C}" srcOrd="0" destOrd="0" parTransId="{5E12E6F5-4152-4390-BC52-2C74A9CFD156}" sibTransId="{F367BDFE-F8DB-4E78-AA95-232B04A86589}"/>
    <dgm:cxn modelId="{64B02AE3-6EC7-4A60-8865-46768EB947AB}" srcId="{5E12069E-5899-494B-A515-630F6CD47F07}" destId="{07AC9634-D375-413C-81E3-F6F40AB77B2C}" srcOrd="0" destOrd="0" parTransId="{86B66168-46A6-4D51-B89A-D0A47ED079A4}" sibTransId="{7B267CBD-9D3B-4083-AF96-1B3E4FD7286F}"/>
    <dgm:cxn modelId="{C43815F3-E0AF-45E1-A86E-BFD4CB6C1238}" type="presOf" srcId="{B3A4366F-5140-45AB-A4C1-C91874E9E45A}" destId="{E4E47032-62CC-41F7-8014-4BF73E441E33}" srcOrd="1" destOrd="0" presId="urn:microsoft.com/office/officeart/2005/8/layout/orgChart1"/>
    <dgm:cxn modelId="{D01BBFF3-CF22-49E4-A23E-91168AB577FB}" type="presOf" srcId="{2A5DA46A-9574-4C16-96DA-69458D5A864F}" destId="{951D5684-4799-4A60-B9C8-988EFC188F21}" srcOrd="0" destOrd="0" presId="urn:microsoft.com/office/officeart/2005/8/layout/orgChart1"/>
    <dgm:cxn modelId="{5DB7F9F6-8BAE-4ACE-9890-9665677AE71B}" srcId="{43EFDC44-A14D-42AE-AA28-28937F3E48F8}" destId="{2A5E76BE-EAA1-4FCF-B17A-326C1144ABFE}" srcOrd="0" destOrd="0" parTransId="{44D09537-1A04-4664-878B-68D23DA55592}" sibTransId="{79467BD2-4CAC-4A1C-BDAB-3C7D2E8E4A42}"/>
    <dgm:cxn modelId="{BE42A3FE-49B6-42EA-8BD0-F318040C4C7D}" type="presOf" srcId="{5E12E6F5-4152-4390-BC52-2C74A9CFD156}" destId="{4D6DA9B9-3542-4AF9-AAFE-96EA78492C25}" srcOrd="0" destOrd="0" presId="urn:microsoft.com/office/officeart/2005/8/layout/orgChart1"/>
    <dgm:cxn modelId="{48F9E573-7ECF-41B5-98A7-3C4E36F05F1B}" type="presParOf" srcId="{7ECFB277-070C-4AA5-8A77-17F4AECA0F17}" destId="{6F78C722-32EB-494D-B7E0-9E14E39D07DE}" srcOrd="0" destOrd="0" presId="urn:microsoft.com/office/officeart/2005/8/layout/orgChart1"/>
    <dgm:cxn modelId="{DDB006B3-6A85-4A35-BC2D-7347A738A8ED}" type="presParOf" srcId="{6F78C722-32EB-494D-B7E0-9E14E39D07DE}" destId="{F41E6ABE-B2A0-4938-BDB0-97B9A082B67D}" srcOrd="0" destOrd="0" presId="urn:microsoft.com/office/officeart/2005/8/layout/orgChart1"/>
    <dgm:cxn modelId="{1F83DBF7-166B-4E34-9308-EFB9004FD485}" type="presParOf" srcId="{F41E6ABE-B2A0-4938-BDB0-97B9A082B67D}" destId="{118309CD-B606-4170-9735-EE896C61807A}" srcOrd="0" destOrd="0" presId="urn:microsoft.com/office/officeart/2005/8/layout/orgChart1"/>
    <dgm:cxn modelId="{33FCF803-C872-4E08-9D15-E9D443987CD6}" type="presParOf" srcId="{F41E6ABE-B2A0-4938-BDB0-97B9A082B67D}" destId="{A2FBF7F5-A299-4E1C-8491-F9A9FC1753C7}" srcOrd="1" destOrd="0" presId="urn:microsoft.com/office/officeart/2005/8/layout/orgChart1"/>
    <dgm:cxn modelId="{8CC15A9A-0A6E-46D7-9F19-440BA2565E38}" type="presParOf" srcId="{6F78C722-32EB-494D-B7E0-9E14E39D07DE}" destId="{7E382F39-08D9-4F27-B69E-6D62DFF693E4}" srcOrd="1" destOrd="0" presId="urn:microsoft.com/office/officeart/2005/8/layout/orgChart1"/>
    <dgm:cxn modelId="{53703592-2EB9-437D-A9E4-488C8003045F}" type="presParOf" srcId="{7E382F39-08D9-4F27-B69E-6D62DFF693E4}" destId="{59B2F1CD-42F7-4C09-B060-035F441165D8}" srcOrd="0" destOrd="0" presId="urn:microsoft.com/office/officeart/2005/8/layout/orgChart1"/>
    <dgm:cxn modelId="{EE048D15-9847-44B0-A041-0FFAA0C532DD}" type="presParOf" srcId="{7E382F39-08D9-4F27-B69E-6D62DFF693E4}" destId="{5825FD6D-EF62-4A11-8AA7-E5AC52FD63C7}" srcOrd="1" destOrd="0" presId="urn:microsoft.com/office/officeart/2005/8/layout/orgChart1"/>
    <dgm:cxn modelId="{A0A11B9D-7C7D-42AA-8436-4CD1BEFCD0D6}" type="presParOf" srcId="{5825FD6D-EF62-4A11-8AA7-E5AC52FD63C7}" destId="{1E7FF84C-BB44-4A3E-A5D9-54569F607EB6}" srcOrd="0" destOrd="0" presId="urn:microsoft.com/office/officeart/2005/8/layout/orgChart1"/>
    <dgm:cxn modelId="{326B6C8D-FCFB-4F9F-9780-D8B665E1D02F}" type="presParOf" srcId="{1E7FF84C-BB44-4A3E-A5D9-54569F607EB6}" destId="{968FD1B9-B451-4421-B5A8-7BD25C8B3794}" srcOrd="0" destOrd="0" presId="urn:microsoft.com/office/officeart/2005/8/layout/orgChart1"/>
    <dgm:cxn modelId="{D48017C8-875C-4932-BCAD-188E2D0C8F53}" type="presParOf" srcId="{1E7FF84C-BB44-4A3E-A5D9-54569F607EB6}" destId="{ED5E0851-00D5-4DBC-A64B-2C9F73A88DFB}" srcOrd="1" destOrd="0" presId="urn:microsoft.com/office/officeart/2005/8/layout/orgChart1"/>
    <dgm:cxn modelId="{65735A16-AA44-4B64-B352-02FA8A6D45C2}" type="presParOf" srcId="{5825FD6D-EF62-4A11-8AA7-E5AC52FD63C7}" destId="{3E4286C9-34DC-488D-AB6C-EE5B3A749C40}" srcOrd="1" destOrd="0" presId="urn:microsoft.com/office/officeart/2005/8/layout/orgChart1"/>
    <dgm:cxn modelId="{12CD4EE6-856D-401A-A3D0-B3AAF7766D63}" type="presParOf" srcId="{3E4286C9-34DC-488D-AB6C-EE5B3A749C40}" destId="{9D5E496B-DD2C-476B-B4CE-F74B478C5455}" srcOrd="0" destOrd="0" presId="urn:microsoft.com/office/officeart/2005/8/layout/orgChart1"/>
    <dgm:cxn modelId="{9296B3C9-5EE4-4917-9860-646E284F8D80}" type="presParOf" srcId="{3E4286C9-34DC-488D-AB6C-EE5B3A749C40}" destId="{9CCD1221-2A7C-4ADB-BB0E-EE10B0FD80B5}" srcOrd="1" destOrd="0" presId="urn:microsoft.com/office/officeart/2005/8/layout/orgChart1"/>
    <dgm:cxn modelId="{D6C3B552-7728-48C0-BBDD-E05F76AF4804}" type="presParOf" srcId="{9CCD1221-2A7C-4ADB-BB0E-EE10B0FD80B5}" destId="{8AC752EC-9F8E-4515-94E2-3DD8C51B7BB2}" srcOrd="0" destOrd="0" presId="urn:microsoft.com/office/officeart/2005/8/layout/orgChart1"/>
    <dgm:cxn modelId="{A4D1AEB5-CF01-480D-8FA0-B82863D99EB5}" type="presParOf" srcId="{8AC752EC-9F8E-4515-94E2-3DD8C51B7BB2}" destId="{FACE8DFE-AD25-4B41-A648-410E0E226C74}" srcOrd="0" destOrd="0" presId="urn:microsoft.com/office/officeart/2005/8/layout/orgChart1"/>
    <dgm:cxn modelId="{61F38A0E-56DA-4D92-85D7-A619A21C4508}" type="presParOf" srcId="{8AC752EC-9F8E-4515-94E2-3DD8C51B7BB2}" destId="{7FD7437E-001A-4CE5-A6C5-46B5D32DBE50}" srcOrd="1" destOrd="0" presId="urn:microsoft.com/office/officeart/2005/8/layout/orgChart1"/>
    <dgm:cxn modelId="{A88A9651-85C4-49DE-84EE-2A06E40D77B4}" type="presParOf" srcId="{9CCD1221-2A7C-4ADB-BB0E-EE10B0FD80B5}" destId="{AF7A69AE-1EBE-4040-9FB1-E3CA9778DA30}" srcOrd="1" destOrd="0" presId="urn:microsoft.com/office/officeart/2005/8/layout/orgChart1"/>
    <dgm:cxn modelId="{5257B8BB-D222-459D-893A-3086BD1C60A6}" type="presParOf" srcId="{9CCD1221-2A7C-4ADB-BB0E-EE10B0FD80B5}" destId="{E1361AA8-E874-40DD-B186-EC8B232967C5}" srcOrd="2" destOrd="0" presId="urn:microsoft.com/office/officeart/2005/8/layout/orgChart1"/>
    <dgm:cxn modelId="{4691E4EE-A77D-4D5C-A26C-0E6715CAA1D1}" type="presParOf" srcId="{3E4286C9-34DC-488D-AB6C-EE5B3A749C40}" destId="{2D658434-1EC3-451B-834F-2171DC75A403}" srcOrd="2" destOrd="0" presId="urn:microsoft.com/office/officeart/2005/8/layout/orgChart1"/>
    <dgm:cxn modelId="{CCBD428C-0986-4531-8B2C-03E0C9EDDA84}" type="presParOf" srcId="{3E4286C9-34DC-488D-AB6C-EE5B3A749C40}" destId="{B0DC4D6A-2824-4155-8236-4736E9656946}" srcOrd="3" destOrd="0" presId="urn:microsoft.com/office/officeart/2005/8/layout/orgChart1"/>
    <dgm:cxn modelId="{3188D5C8-9ABF-495E-AD84-6F1830C84806}" type="presParOf" srcId="{B0DC4D6A-2824-4155-8236-4736E9656946}" destId="{6735CBAD-0066-4E5A-87CB-879DAE327030}" srcOrd="0" destOrd="0" presId="urn:microsoft.com/office/officeart/2005/8/layout/orgChart1"/>
    <dgm:cxn modelId="{490E6B34-9412-478D-9721-528F50D5102D}" type="presParOf" srcId="{6735CBAD-0066-4E5A-87CB-879DAE327030}" destId="{3BA049E5-F41D-4B3A-8EDE-7E529ABA2F41}" srcOrd="0" destOrd="0" presId="urn:microsoft.com/office/officeart/2005/8/layout/orgChart1"/>
    <dgm:cxn modelId="{44CE6430-8819-414F-BF56-93A0D59E0669}" type="presParOf" srcId="{6735CBAD-0066-4E5A-87CB-879DAE327030}" destId="{49CF9D26-678C-4A6C-A98B-12490EC8C7E6}" srcOrd="1" destOrd="0" presId="urn:microsoft.com/office/officeart/2005/8/layout/orgChart1"/>
    <dgm:cxn modelId="{8DD26243-CF5E-4A9C-8540-18F1390AA8C6}" type="presParOf" srcId="{B0DC4D6A-2824-4155-8236-4736E9656946}" destId="{004AA4DF-8469-4BE6-8E9F-DE94857CE2FA}" srcOrd="1" destOrd="0" presId="urn:microsoft.com/office/officeart/2005/8/layout/orgChart1"/>
    <dgm:cxn modelId="{32329E65-38F1-4243-B983-737C7AA54EF9}" type="presParOf" srcId="{B0DC4D6A-2824-4155-8236-4736E9656946}" destId="{54577620-E030-47B5-AEB8-D27631F91BC9}" srcOrd="2" destOrd="0" presId="urn:microsoft.com/office/officeart/2005/8/layout/orgChart1"/>
    <dgm:cxn modelId="{89B0B575-D69F-4ECA-86DA-CB5D2F078BDA}" type="presParOf" srcId="{5825FD6D-EF62-4A11-8AA7-E5AC52FD63C7}" destId="{CEAE828C-1D5B-4D3F-B3B7-1C660631B615}" srcOrd="2" destOrd="0" presId="urn:microsoft.com/office/officeart/2005/8/layout/orgChart1"/>
    <dgm:cxn modelId="{5654858C-A141-4407-90BC-0D28E4C8D65A}" type="presParOf" srcId="{7E382F39-08D9-4F27-B69E-6D62DFF693E4}" destId="{9F709597-61DF-4424-A9A8-D10420BB6F5B}" srcOrd="2" destOrd="0" presId="urn:microsoft.com/office/officeart/2005/8/layout/orgChart1"/>
    <dgm:cxn modelId="{9109E176-A0B2-4EB4-9ECB-7B30102797A6}" type="presParOf" srcId="{7E382F39-08D9-4F27-B69E-6D62DFF693E4}" destId="{A0FCA129-EED1-401B-BA7A-77AC97CAB124}" srcOrd="3" destOrd="0" presId="urn:microsoft.com/office/officeart/2005/8/layout/orgChart1"/>
    <dgm:cxn modelId="{6540AD03-AD58-468E-9C4A-3BB218D9041A}" type="presParOf" srcId="{A0FCA129-EED1-401B-BA7A-77AC97CAB124}" destId="{8923ED34-1788-4A5E-B499-187A76415689}" srcOrd="0" destOrd="0" presId="urn:microsoft.com/office/officeart/2005/8/layout/orgChart1"/>
    <dgm:cxn modelId="{25BAFBD1-D640-4197-B82D-239F00DCA04D}" type="presParOf" srcId="{8923ED34-1788-4A5E-B499-187A76415689}" destId="{5ADB8FD1-9AE3-4AF1-8BDC-A680C9D0E420}" srcOrd="0" destOrd="0" presId="urn:microsoft.com/office/officeart/2005/8/layout/orgChart1"/>
    <dgm:cxn modelId="{6731D2EF-F233-40DF-8AFE-ED7A9A64641B}" type="presParOf" srcId="{8923ED34-1788-4A5E-B499-187A76415689}" destId="{E4E47032-62CC-41F7-8014-4BF73E441E33}" srcOrd="1" destOrd="0" presId="urn:microsoft.com/office/officeart/2005/8/layout/orgChart1"/>
    <dgm:cxn modelId="{A5673133-127F-4C50-AEB2-68FD41D1815D}" type="presParOf" srcId="{A0FCA129-EED1-401B-BA7A-77AC97CAB124}" destId="{E9E7AD47-91F4-4B9C-B5E4-83F00D20690D}" srcOrd="1" destOrd="0" presId="urn:microsoft.com/office/officeart/2005/8/layout/orgChart1"/>
    <dgm:cxn modelId="{C964591C-AD50-4F65-A5F0-9A30A3106755}" type="presParOf" srcId="{E9E7AD47-91F4-4B9C-B5E4-83F00D20690D}" destId="{4D6DA9B9-3542-4AF9-AAFE-96EA78492C25}" srcOrd="0" destOrd="0" presId="urn:microsoft.com/office/officeart/2005/8/layout/orgChart1"/>
    <dgm:cxn modelId="{58390EB4-439F-46D1-86AA-02F46D60116D}" type="presParOf" srcId="{E9E7AD47-91F4-4B9C-B5E4-83F00D20690D}" destId="{AE01B4BF-5A8B-4765-92D2-3019E688C286}" srcOrd="1" destOrd="0" presId="urn:microsoft.com/office/officeart/2005/8/layout/orgChart1"/>
    <dgm:cxn modelId="{EACE2B3A-9509-44FE-92B2-DCBE948EED87}" type="presParOf" srcId="{AE01B4BF-5A8B-4765-92D2-3019E688C286}" destId="{EA3A4C67-7768-48F9-A806-24B8773C9107}" srcOrd="0" destOrd="0" presId="urn:microsoft.com/office/officeart/2005/8/layout/orgChart1"/>
    <dgm:cxn modelId="{6B5B7CE9-6094-4CC5-8C1E-F0F67B1874CD}" type="presParOf" srcId="{EA3A4C67-7768-48F9-A806-24B8773C9107}" destId="{5E474C74-FD3F-4A7E-A5D6-C03FF529FFB0}" srcOrd="0" destOrd="0" presId="urn:microsoft.com/office/officeart/2005/8/layout/orgChart1"/>
    <dgm:cxn modelId="{3DAFE531-0C9A-4D9D-B1D2-0F771E0D99E1}" type="presParOf" srcId="{EA3A4C67-7768-48F9-A806-24B8773C9107}" destId="{C8431A90-17C8-4EF7-B0DA-9F3589587803}" srcOrd="1" destOrd="0" presId="urn:microsoft.com/office/officeart/2005/8/layout/orgChart1"/>
    <dgm:cxn modelId="{3C32CF6D-376D-4BDA-B7D9-F1CF9CA7BE15}" type="presParOf" srcId="{AE01B4BF-5A8B-4765-92D2-3019E688C286}" destId="{D1DA1587-3AB9-4B89-9FE8-DEEE0ADF1C9C}" srcOrd="1" destOrd="0" presId="urn:microsoft.com/office/officeart/2005/8/layout/orgChart1"/>
    <dgm:cxn modelId="{885AC877-960D-48A0-84AA-5A7649E07052}" type="presParOf" srcId="{AE01B4BF-5A8B-4765-92D2-3019E688C286}" destId="{2A1B89FC-A232-414E-AAF6-0C2495781E69}" srcOrd="2" destOrd="0" presId="urn:microsoft.com/office/officeart/2005/8/layout/orgChart1"/>
    <dgm:cxn modelId="{18AC617C-A365-4E7E-9646-29E1AADB272A}" type="presParOf" srcId="{E9E7AD47-91F4-4B9C-B5E4-83F00D20690D}" destId="{23DAD29D-C1B1-45BC-80BC-2E6D7060E46D}" srcOrd="2" destOrd="0" presId="urn:microsoft.com/office/officeart/2005/8/layout/orgChart1"/>
    <dgm:cxn modelId="{9020BD4F-CF95-4C65-A786-E261C2475095}" type="presParOf" srcId="{E9E7AD47-91F4-4B9C-B5E4-83F00D20690D}" destId="{BEAF0C22-EA9F-48D9-93E0-C4A0D12D6AFB}" srcOrd="3" destOrd="0" presId="urn:microsoft.com/office/officeart/2005/8/layout/orgChart1"/>
    <dgm:cxn modelId="{155C8EC1-7472-4283-980E-A43DF7CDDABC}" type="presParOf" srcId="{BEAF0C22-EA9F-48D9-93E0-C4A0D12D6AFB}" destId="{007AE6CF-C08E-42C0-9FBD-569822330982}" srcOrd="0" destOrd="0" presId="urn:microsoft.com/office/officeart/2005/8/layout/orgChart1"/>
    <dgm:cxn modelId="{85A7D5B5-CCC9-4F3A-8483-E283AAB761C3}" type="presParOf" srcId="{007AE6CF-C08E-42C0-9FBD-569822330982}" destId="{951D5684-4799-4A60-B9C8-988EFC188F21}" srcOrd="0" destOrd="0" presId="urn:microsoft.com/office/officeart/2005/8/layout/orgChart1"/>
    <dgm:cxn modelId="{4F7BA9CF-860F-4590-A2D6-B1706AB2355E}" type="presParOf" srcId="{007AE6CF-C08E-42C0-9FBD-569822330982}" destId="{997DD748-40F1-4C6F-914C-F0BE3038A0FB}" srcOrd="1" destOrd="0" presId="urn:microsoft.com/office/officeart/2005/8/layout/orgChart1"/>
    <dgm:cxn modelId="{319D1363-2291-4489-BE31-D57C38EAF804}" type="presParOf" srcId="{BEAF0C22-EA9F-48D9-93E0-C4A0D12D6AFB}" destId="{121F3766-90BE-4383-BF32-F9EF0CF6197C}" srcOrd="1" destOrd="0" presId="urn:microsoft.com/office/officeart/2005/8/layout/orgChart1"/>
    <dgm:cxn modelId="{7E0760AF-3A0C-4E35-A408-1F624FAC6D09}" type="presParOf" srcId="{BEAF0C22-EA9F-48D9-93E0-C4A0D12D6AFB}" destId="{91331CFE-4454-43C9-9BAE-ED5AEBEA4008}" srcOrd="2" destOrd="0" presId="urn:microsoft.com/office/officeart/2005/8/layout/orgChart1"/>
    <dgm:cxn modelId="{95A577AB-1DF1-4DC9-A053-ED24B00B91F3}" type="presParOf" srcId="{A0FCA129-EED1-401B-BA7A-77AC97CAB124}" destId="{5B9CBDB1-93C3-4994-B2F4-AD331F588B01}" srcOrd="2" destOrd="0" presId="urn:microsoft.com/office/officeart/2005/8/layout/orgChart1"/>
    <dgm:cxn modelId="{740A2985-2765-4D2B-9C38-E7004ECFE03D}" type="presParOf" srcId="{7E382F39-08D9-4F27-B69E-6D62DFF693E4}" destId="{00D52FF9-A33F-40D3-9F8F-5183C9D087A6}" srcOrd="4" destOrd="0" presId="urn:microsoft.com/office/officeart/2005/8/layout/orgChart1"/>
    <dgm:cxn modelId="{367677C8-1FA3-4543-9C5A-C4A5A8A12415}" type="presParOf" srcId="{7E382F39-08D9-4F27-B69E-6D62DFF693E4}" destId="{272C52AC-F1B9-435D-9E7B-0CEF27CA2F0D}" srcOrd="5" destOrd="0" presId="urn:microsoft.com/office/officeart/2005/8/layout/orgChart1"/>
    <dgm:cxn modelId="{785F5FBC-560F-49FC-8A17-2B5D874D1005}" type="presParOf" srcId="{272C52AC-F1B9-435D-9E7B-0CEF27CA2F0D}" destId="{7A1A7CCA-35C8-42BB-865D-25320F51366F}" srcOrd="0" destOrd="0" presId="urn:microsoft.com/office/officeart/2005/8/layout/orgChart1"/>
    <dgm:cxn modelId="{C9BA310E-6460-4066-BA81-5F148DFD07F2}" type="presParOf" srcId="{7A1A7CCA-35C8-42BB-865D-25320F51366F}" destId="{FBB05F1F-5FE0-46E6-878B-0D4D6B2FE57E}" srcOrd="0" destOrd="0" presId="urn:microsoft.com/office/officeart/2005/8/layout/orgChart1"/>
    <dgm:cxn modelId="{95BD8152-CBF1-4390-8CFB-D6E39DF9FE3D}" type="presParOf" srcId="{7A1A7CCA-35C8-42BB-865D-25320F51366F}" destId="{6BB12917-A8A3-4521-A9BE-23CA7F146B38}" srcOrd="1" destOrd="0" presId="urn:microsoft.com/office/officeart/2005/8/layout/orgChart1"/>
    <dgm:cxn modelId="{1E7FBC10-F809-4AFB-B6B4-A501666BD50C}" type="presParOf" srcId="{272C52AC-F1B9-435D-9E7B-0CEF27CA2F0D}" destId="{FF1D8013-79A5-44F2-B9C0-32C678E8EC37}" srcOrd="1" destOrd="0" presId="urn:microsoft.com/office/officeart/2005/8/layout/orgChart1"/>
    <dgm:cxn modelId="{04CB794E-DFC5-4B73-B37E-C4FF028661E6}" type="presParOf" srcId="{FF1D8013-79A5-44F2-B9C0-32C678E8EC37}" destId="{4B0CB82F-530A-4268-9561-C05106138569}" srcOrd="0" destOrd="0" presId="urn:microsoft.com/office/officeart/2005/8/layout/orgChart1"/>
    <dgm:cxn modelId="{88033A52-EDC3-430D-A980-48850367DD90}" type="presParOf" srcId="{FF1D8013-79A5-44F2-B9C0-32C678E8EC37}" destId="{71FD9F19-A77A-4D77-97E1-7F8DD5E79776}" srcOrd="1" destOrd="0" presId="urn:microsoft.com/office/officeart/2005/8/layout/orgChart1"/>
    <dgm:cxn modelId="{1775E36E-125C-4C63-9FEE-687AB099FEE8}" type="presParOf" srcId="{71FD9F19-A77A-4D77-97E1-7F8DD5E79776}" destId="{3BCAD9BB-394A-4EAF-A4A4-4FD99EACD3C5}" srcOrd="0" destOrd="0" presId="urn:microsoft.com/office/officeart/2005/8/layout/orgChart1"/>
    <dgm:cxn modelId="{E9C0AB79-6501-45FC-B20D-2CA0B66B3550}" type="presParOf" srcId="{3BCAD9BB-394A-4EAF-A4A4-4FD99EACD3C5}" destId="{6AB65AA2-40C4-4FB2-850D-B69C1E6FDC44}" srcOrd="0" destOrd="0" presId="urn:microsoft.com/office/officeart/2005/8/layout/orgChart1"/>
    <dgm:cxn modelId="{B8CBC158-8141-4A1F-B556-C3848FFF3E91}" type="presParOf" srcId="{3BCAD9BB-394A-4EAF-A4A4-4FD99EACD3C5}" destId="{32F9CA57-FACB-4C9F-B571-9EB227B1BD61}" srcOrd="1" destOrd="0" presId="urn:microsoft.com/office/officeart/2005/8/layout/orgChart1"/>
    <dgm:cxn modelId="{3F7F56FE-9397-47AE-8E08-E9FDDCD2263B}" type="presParOf" srcId="{71FD9F19-A77A-4D77-97E1-7F8DD5E79776}" destId="{541CC8E6-1CBF-464D-AC4F-FA982741E9A9}" srcOrd="1" destOrd="0" presId="urn:microsoft.com/office/officeart/2005/8/layout/orgChart1"/>
    <dgm:cxn modelId="{885A47B8-65C2-4934-B3D6-F3E2267EF76C}" type="presParOf" srcId="{71FD9F19-A77A-4D77-97E1-7F8DD5E79776}" destId="{0037500C-6B1D-4A8F-92C0-410B2487D802}" srcOrd="2" destOrd="0" presId="urn:microsoft.com/office/officeart/2005/8/layout/orgChart1"/>
    <dgm:cxn modelId="{D859FE6F-1BA4-4D60-8A4E-1005D2D2F32E}" type="presParOf" srcId="{FF1D8013-79A5-44F2-B9C0-32C678E8EC37}" destId="{DD4F156E-1BD8-481D-AF0C-6B974AA6CA81}" srcOrd="2" destOrd="0" presId="urn:microsoft.com/office/officeart/2005/8/layout/orgChart1"/>
    <dgm:cxn modelId="{0DA8AD3E-9E28-44F1-89E5-6FE67385AD49}" type="presParOf" srcId="{FF1D8013-79A5-44F2-B9C0-32C678E8EC37}" destId="{51D9817E-09B4-4A9D-922D-384B04D4B9B1}" srcOrd="3" destOrd="0" presId="urn:microsoft.com/office/officeart/2005/8/layout/orgChart1"/>
    <dgm:cxn modelId="{A9A469DE-D6D7-40F5-81D4-69F7CB9CE59D}" type="presParOf" srcId="{51D9817E-09B4-4A9D-922D-384B04D4B9B1}" destId="{9563D33A-9633-46DC-BC03-E3FB5C3BC6E9}" srcOrd="0" destOrd="0" presId="urn:microsoft.com/office/officeart/2005/8/layout/orgChart1"/>
    <dgm:cxn modelId="{C6E917BF-19F8-4181-99C8-DDD0C1632104}" type="presParOf" srcId="{9563D33A-9633-46DC-BC03-E3FB5C3BC6E9}" destId="{48F85580-8FD1-4112-966A-20D7FA4D30BA}" srcOrd="0" destOrd="0" presId="urn:microsoft.com/office/officeart/2005/8/layout/orgChart1"/>
    <dgm:cxn modelId="{FD8BC64C-3462-4662-A3B3-5449F17F77BE}" type="presParOf" srcId="{9563D33A-9633-46DC-BC03-E3FB5C3BC6E9}" destId="{F57FCDE1-DD66-4328-B2B6-42B5CDA93852}" srcOrd="1" destOrd="0" presId="urn:microsoft.com/office/officeart/2005/8/layout/orgChart1"/>
    <dgm:cxn modelId="{0E9FA9CF-24FA-4303-BF29-73A0B9392FE7}" type="presParOf" srcId="{51D9817E-09B4-4A9D-922D-384B04D4B9B1}" destId="{AACB34CA-E4A1-4455-A217-3D57266A2888}" srcOrd="1" destOrd="0" presId="urn:microsoft.com/office/officeart/2005/8/layout/orgChart1"/>
    <dgm:cxn modelId="{4BAF9056-7582-4345-894A-5E4A378BF1C5}" type="presParOf" srcId="{51D9817E-09B4-4A9D-922D-384B04D4B9B1}" destId="{F74B7A8D-E7F9-489F-A65D-08E21D27C30D}" srcOrd="2" destOrd="0" presId="urn:microsoft.com/office/officeart/2005/8/layout/orgChart1"/>
    <dgm:cxn modelId="{0D61690D-C632-4EA0-A3CE-24DDD0CE26DF}" type="presParOf" srcId="{272C52AC-F1B9-435D-9E7B-0CEF27CA2F0D}" destId="{5702DD84-7AAF-4028-8D0E-4F69845C7009}" srcOrd="2" destOrd="0" presId="urn:microsoft.com/office/officeart/2005/8/layout/orgChart1"/>
    <dgm:cxn modelId="{0F150CB5-2D36-4EA5-8AC4-D855563B8FE0}" type="presParOf" srcId="{6F78C722-32EB-494D-B7E0-9E14E39D07DE}" destId="{69415E83-99E8-4EED-AFCD-6D01F9A45560}" srcOrd="2" destOrd="0" presId="urn:microsoft.com/office/officeart/2005/8/layout/orgChar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4425535-29F7-4B89-98D4-06E180895B01}">
      <dsp:nvSpPr>
        <dsp:cNvPr id="0" name=""/>
        <dsp:cNvSpPr/>
      </dsp:nvSpPr>
      <dsp:spPr>
        <a:xfrm>
          <a:off x="522449" y="1805357"/>
          <a:ext cx="2068297" cy="1807952"/>
        </a:xfrm>
        <a:prstGeom prst="rightArrow">
          <a:avLst>
            <a:gd name="adj1" fmla="val 70000"/>
            <a:gd name="adj2" fmla="val 50000"/>
          </a:avLst>
        </a:prstGeom>
        <a:solidFill>
          <a:srgbClr val="203876"/>
        </a:solidFill>
        <a:ln w="12700" cap="flat" cmpd="sng" algn="ctr">
          <a:solidFill>
            <a:srgbClr val="DA743B">
              <a:alpha val="90000"/>
            </a:srgb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65100" tIns="41275" rIns="82550" bIns="41275" numCol="1" spcCol="1270" anchor="ctr" anchorCtr="0">
          <a:noAutofit/>
        </a:bodyPr>
        <a:lstStyle/>
        <a:p>
          <a:pPr marL="0" lvl="0" indent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6500" kern="1200" dirty="0"/>
        </a:p>
      </dsp:txBody>
      <dsp:txXfrm>
        <a:off x="1039524" y="2076550"/>
        <a:ext cx="1008295" cy="1265566"/>
      </dsp:txXfrm>
    </dsp:sp>
    <dsp:sp modelId="{599CD8D0-D4E1-49D6-9BBE-F408CA8B6A89}">
      <dsp:nvSpPr>
        <dsp:cNvPr id="0" name=""/>
        <dsp:cNvSpPr/>
      </dsp:nvSpPr>
      <dsp:spPr>
        <a:xfrm>
          <a:off x="122187" y="2322789"/>
          <a:ext cx="800524" cy="773088"/>
        </a:xfrm>
        <a:prstGeom prst="ellipse">
          <a:avLst/>
        </a:prstGeom>
        <a:solidFill>
          <a:srgbClr val="DA743B"/>
        </a:solidFill>
        <a:ln w="12700" cap="flat" cmpd="sng" algn="ctr">
          <a:solidFill>
            <a:srgbClr val="20387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" tIns="5715" rIns="5715" bIns="571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900" kern="1200" dirty="0">
              <a:solidFill>
                <a:srgbClr val="203876"/>
              </a:solidFill>
            </a:rPr>
            <a:t>25/03/2024</a:t>
          </a:r>
        </a:p>
      </dsp:txBody>
      <dsp:txXfrm>
        <a:off x="239421" y="2436005"/>
        <a:ext cx="566056" cy="546656"/>
      </dsp:txXfrm>
    </dsp:sp>
    <dsp:sp modelId="{480EE06A-9740-4FD3-9584-9EC9F2B5C2E5}">
      <dsp:nvSpPr>
        <dsp:cNvPr id="0" name=""/>
        <dsp:cNvSpPr/>
      </dsp:nvSpPr>
      <dsp:spPr>
        <a:xfrm>
          <a:off x="3237090" y="1805357"/>
          <a:ext cx="2068297" cy="1807952"/>
        </a:xfrm>
        <a:prstGeom prst="rightArrow">
          <a:avLst>
            <a:gd name="adj1" fmla="val 70000"/>
            <a:gd name="adj2" fmla="val 50000"/>
          </a:avLst>
        </a:prstGeom>
        <a:solidFill>
          <a:srgbClr val="203876">
            <a:alpha val="90000"/>
          </a:srgbClr>
        </a:solidFill>
        <a:ln w="12700" cap="flat" cmpd="sng" algn="ctr">
          <a:solidFill>
            <a:srgbClr val="DA743B">
              <a:alpha val="90000"/>
            </a:srgb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C29C5A5-D8B2-4FDD-B18B-F9F3CE12CB23}">
      <dsp:nvSpPr>
        <dsp:cNvPr id="0" name=""/>
        <dsp:cNvSpPr/>
      </dsp:nvSpPr>
      <dsp:spPr>
        <a:xfrm>
          <a:off x="2836828" y="2322789"/>
          <a:ext cx="800524" cy="773088"/>
        </a:xfrm>
        <a:prstGeom prst="ellipse">
          <a:avLst/>
        </a:prstGeom>
        <a:solidFill>
          <a:srgbClr val="DA743B"/>
        </a:solidFill>
        <a:ln w="12700" cap="flat" cmpd="sng" algn="ctr">
          <a:solidFill>
            <a:srgbClr val="20387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" tIns="5715" rIns="5715" bIns="571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900" kern="1200" dirty="0">
              <a:solidFill>
                <a:srgbClr val="203876"/>
              </a:solidFill>
            </a:rPr>
            <a:t>/2024</a:t>
          </a:r>
        </a:p>
      </dsp:txBody>
      <dsp:txXfrm>
        <a:off x="2954062" y="2436005"/>
        <a:ext cx="566056" cy="546656"/>
      </dsp:txXfrm>
    </dsp:sp>
    <dsp:sp modelId="{AF8E7D6C-2499-4C1E-B155-06C1A8F659B9}">
      <dsp:nvSpPr>
        <dsp:cNvPr id="0" name=""/>
        <dsp:cNvSpPr/>
      </dsp:nvSpPr>
      <dsp:spPr>
        <a:xfrm>
          <a:off x="5951730" y="1805357"/>
          <a:ext cx="2068297" cy="1807952"/>
        </a:xfrm>
        <a:prstGeom prst="rightArrow">
          <a:avLst>
            <a:gd name="adj1" fmla="val 70000"/>
            <a:gd name="adj2" fmla="val 50000"/>
          </a:avLst>
        </a:prstGeom>
        <a:solidFill>
          <a:srgbClr val="203876">
            <a:alpha val="90000"/>
          </a:srgbClr>
        </a:solidFill>
        <a:ln w="12700" cap="flat" cmpd="sng" algn="ctr">
          <a:solidFill>
            <a:srgbClr val="DA743B">
              <a:alpha val="90000"/>
            </a:srgb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7E2D3D6-56A6-43AD-9796-63E24D034A66}">
      <dsp:nvSpPr>
        <dsp:cNvPr id="0" name=""/>
        <dsp:cNvSpPr/>
      </dsp:nvSpPr>
      <dsp:spPr>
        <a:xfrm>
          <a:off x="5551468" y="2322789"/>
          <a:ext cx="800524" cy="773088"/>
        </a:xfrm>
        <a:prstGeom prst="ellipse">
          <a:avLst/>
        </a:prstGeom>
        <a:solidFill>
          <a:srgbClr val="DA743B"/>
        </a:solidFill>
        <a:ln w="12700" cap="flat" cmpd="sng" algn="ctr">
          <a:solidFill>
            <a:srgbClr val="20387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" tIns="5715" rIns="5715" bIns="571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900" kern="1200" dirty="0">
              <a:solidFill>
                <a:srgbClr val="203876"/>
              </a:solidFill>
            </a:rPr>
            <a:t>/2024</a:t>
          </a:r>
        </a:p>
      </dsp:txBody>
      <dsp:txXfrm>
        <a:off x="5668702" y="2436005"/>
        <a:ext cx="566056" cy="546656"/>
      </dsp:txXfrm>
    </dsp:sp>
    <dsp:sp modelId="{ADC03922-F001-485D-B571-42B4F510FC44}">
      <dsp:nvSpPr>
        <dsp:cNvPr id="0" name=""/>
        <dsp:cNvSpPr/>
      </dsp:nvSpPr>
      <dsp:spPr>
        <a:xfrm>
          <a:off x="8666371" y="1805357"/>
          <a:ext cx="2068297" cy="1807952"/>
        </a:xfrm>
        <a:prstGeom prst="rightArrow">
          <a:avLst>
            <a:gd name="adj1" fmla="val 70000"/>
            <a:gd name="adj2" fmla="val 50000"/>
          </a:avLst>
        </a:prstGeom>
        <a:solidFill>
          <a:srgbClr val="203876">
            <a:alpha val="90000"/>
          </a:srgbClr>
        </a:solidFill>
        <a:ln w="12700" cap="flat" cmpd="sng" algn="ctr">
          <a:solidFill>
            <a:srgbClr val="DA743B">
              <a:alpha val="90000"/>
            </a:srgb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1C9863D-A4E7-4773-8BD0-699A7E92CB21}">
      <dsp:nvSpPr>
        <dsp:cNvPr id="0" name=""/>
        <dsp:cNvSpPr/>
      </dsp:nvSpPr>
      <dsp:spPr>
        <a:xfrm>
          <a:off x="8266109" y="2322789"/>
          <a:ext cx="800524" cy="773088"/>
        </a:xfrm>
        <a:prstGeom prst="ellipse">
          <a:avLst/>
        </a:prstGeom>
        <a:solidFill>
          <a:srgbClr val="DA743B"/>
        </a:solidFill>
        <a:ln w="12700" cap="flat" cmpd="sng" algn="ctr">
          <a:solidFill>
            <a:srgbClr val="20387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" tIns="5715" rIns="5715" bIns="571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900" kern="1200" dirty="0">
              <a:solidFill>
                <a:srgbClr val="203876"/>
              </a:solidFill>
            </a:rPr>
            <a:t>/2024</a:t>
          </a:r>
        </a:p>
      </dsp:txBody>
      <dsp:txXfrm>
        <a:off x="8383343" y="2436005"/>
        <a:ext cx="566056" cy="546656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0A1793A-3F30-4AB7-9B47-601FF0B29C21}">
      <dsp:nvSpPr>
        <dsp:cNvPr id="0" name=""/>
        <dsp:cNvSpPr/>
      </dsp:nvSpPr>
      <dsp:spPr>
        <a:xfrm>
          <a:off x="899982" y="3028"/>
          <a:ext cx="1517722" cy="758861"/>
        </a:xfrm>
        <a:prstGeom prst="roundRect">
          <a:avLst>
            <a:gd name="adj" fmla="val 10000"/>
          </a:avLst>
        </a:prstGeom>
        <a:solidFill>
          <a:srgbClr val="203876"/>
        </a:solidFill>
        <a:ln w="12700" cap="flat" cmpd="sng" algn="ctr">
          <a:solidFill>
            <a:srgbClr val="DA743B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2385" tIns="21590" rIns="32385" bIns="2159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1700" kern="1200" dirty="0">
            <a:solidFill>
              <a:srgbClr val="DA743B"/>
            </a:solidFill>
          </a:endParaRPr>
        </a:p>
      </dsp:txBody>
      <dsp:txXfrm>
        <a:off x="922208" y="25254"/>
        <a:ext cx="1473270" cy="714409"/>
      </dsp:txXfrm>
    </dsp:sp>
    <dsp:sp modelId="{6FAE426A-BBDE-45E6-AC24-F00F2F4FB22A}">
      <dsp:nvSpPr>
        <dsp:cNvPr id="0" name=""/>
        <dsp:cNvSpPr/>
      </dsp:nvSpPr>
      <dsp:spPr>
        <a:xfrm>
          <a:off x="1051754" y="761889"/>
          <a:ext cx="151772" cy="569145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569145"/>
              </a:lnTo>
              <a:lnTo>
                <a:pt x="151772" y="569145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C7BDC047-4935-4958-82FE-E3ABFE3F58EC}">
      <dsp:nvSpPr>
        <dsp:cNvPr id="0" name=""/>
        <dsp:cNvSpPr/>
      </dsp:nvSpPr>
      <dsp:spPr>
        <a:xfrm>
          <a:off x="1203527" y="951604"/>
          <a:ext cx="1214177" cy="758861"/>
        </a:xfrm>
        <a:prstGeom prst="roundRect">
          <a:avLst>
            <a:gd name="adj" fmla="val 10000"/>
          </a:avLst>
        </a:prstGeom>
        <a:solidFill>
          <a:srgbClr val="DA743B"/>
        </a:solidFill>
        <a:ln w="12700" cap="flat" cmpd="sng" algn="ctr">
          <a:solidFill>
            <a:srgbClr val="20387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1915" tIns="54610" rIns="81915" bIns="54610" numCol="1" spcCol="1270" anchor="ctr" anchorCtr="0">
          <a:noAutofit/>
        </a:bodyPr>
        <a:lstStyle/>
        <a:p>
          <a:pPr marL="0" lvl="0" indent="0" algn="ctr" defTabSz="1911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4300" kern="1200" dirty="0">
            <a:solidFill>
              <a:srgbClr val="DA743B"/>
            </a:solidFill>
          </a:endParaRPr>
        </a:p>
      </dsp:txBody>
      <dsp:txXfrm>
        <a:off x="1225753" y="973830"/>
        <a:ext cx="1169725" cy="714409"/>
      </dsp:txXfrm>
    </dsp:sp>
    <dsp:sp modelId="{39BD9A60-1BB2-4B1D-8391-D9443EC08E79}">
      <dsp:nvSpPr>
        <dsp:cNvPr id="0" name=""/>
        <dsp:cNvSpPr/>
      </dsp:nvSpPr>
      <dsp:spPr>
        <a:xfrm>
          <a:off x="2797135" y="3028"/>
          <a:ext cx="1517722" cy="758861"/>
        </a:xfrm>
        <a:prstGeom prst="roundRect">
          <a:avLst>
            <a:gd name="adj" fmla="val 10000"/>
          </a:avLst>
        </a:prstGeom>
        <a:solidFill>
          <a:srgbClr val="203876"/>
        </a:solidFill>
        <a:ln w="12700" cap="flat" cmpd="sng" algn="ctr">
          <a:solidFill>
            <a:srgbClr val="DA743B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2385" tIns="21590" rIns="32385" bIns="2159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1700" kern="1200" dirty="0">
              <a:solidFill>
                <a:srgbClr val="DA743B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Integrate the </a:t>
          </a:r>
          <a:r>
            <a:rPr lang="it-IT" sz="1700" kern="1200" dirty="0" err="1">
              <a:solidFill>
                <a:srgbClr val="DA743B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Airsim</a:t>
          </a:r>
          <a:r>
            <a:rPr lang="it-IT" sz="1700" kern="1200" dirty="0">
              <a:solidFill>
                <a:srgbClr val="DA743B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 </a:t>
          </a:r>
          <a:r>
            <a:rPr lang="it-IT" sz="1700" kern="1200" dirty="0" err="1">
              <a:solidFill>
                <a:srgbClr val="DA743B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environement</a:t>
          </a:r>
          <a:endParaRPr lang="it-IT" sz="1700" kern="1200" dirty="0">
            <a:solidFill>
              <a:srgbClr val="DA743B"/>
            </a:solidFill>
            <a:latin typeface="Times New Roman" panose="02020603050405020304" pitchFamily="18" charset="0"/>
            <a:cs typeface="Times New Roman" panose="02020603050405020304" pitchFamily="18" charset="0"/>
          </a:endParaRPr>
        </a:p>
      </dsp:txBody>
      <dsp:txXfrm>
        <a:off x="2819361" y="25254"/>
        <a:ext cx="1473270" cy="714409"/>
      </dsp:txXfrm>
    </dsp:sp>
    <dsp:sp modelId="{BB947004-A2D2-4C10-940F-4F964F34D9C2}">
      <dsp:nvSpPr>
        <dsp:cNvPr id="0" name=""/>
        <dsp:cNvSpPr/>
      </dsp:nvSpPr>
      <dsp:spPr>
        <a:xfrm>
          <a:off x="2948907" y="761889"/>
          <a:ext cx="151772" cy="569145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569145"/>
              </a:lnTo>
              <a:lnTo>
                <a:pt x="151772" y="569145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C947BC2A-B9E9-4316-81DD-F1AC305C97A0}">
      <dsp:nvSpPr>
        <dsp:cNvPr id="0" name=""/>
        <dsp:cNvSpPr/>
      </dsp:nvSpPr>
      <dsp:spPr>
        <a:xfrm>
          <a:off x="3100679" y="951604"/>
          <a:ext cx="1214177" cy="758861"/>
        </a:xfrm>
        <a:prstGeom prst="roundRect">
          <a:avLst>
            <a:gd name="adj" fmla="val 10000"/>
          </a:avLst>
        </a:prstGeom>
        <a:solidFill>
          <a:srgbClr val="DA743B">
            <a:alpha val="90000"/>
          </a:srgbClr>
        </a:solidFill>
        <a:ln w="12700" cap="flat" cmpd="sng" algn="ctr">
          <a:solidFill>
            <a:srgbClr val="20387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1915" tIns="54610" rIns="81915" bIns="54610" numCol="1" spcCol="1270" anchor="ctr" anchorCtr="0">
          <a:noAutofit/>
        </a:bodyPr>
        <a:lstStyle/>
        <a:p>
          <a:pPr marL="0" lvl="0" indent="0" algn="ctr" defTabSz="1911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4300" kern="1200" dirty="0"/>
        </a:p>
      </dsp:txBody>
      <dsp:txXfrm>
        <a:off x="3122905" y="973830"/>
        <a:ext cx="1169725" cy="714409"/>
      </dsp:txXfrm>
    </dsp:sp>
    <dsp:sp modelId="{04D6C299-A752-41D1-969C-121708138825}">
      <dsp:nvSpPr>
        <dsp:cNvPr id="0" name=""/>
        <dsp:cNvSpPr/>
      </dsp:nvSpPr>
      <dsp:spPr>
        <a:xfrm>
          <a:off x="2948907" y="761889"/>
          <a:ext cx="151772" cy="1517722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517722"/>
              </a:lnTo>
              <a:lnTo>
                <a:pt x="151772" y="1517722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2C241200-5A58-4F89-9E4B-9D754E8AC58E}">
      <dsp:nvSpPr>
        <dsp:cNvPr id="0" name=""/>
        <dsp:cNvSpPr/>
      </dsp:nvSpPr>
      <dsp:spPr>
        <a:xfrm>
          <a:off x="3100679" y="1900180"/>
          <a:ext cx="1214177" cy="758861"/>
        </a:xfrm>
        <a:prstGeom prst="roundRect">
          <a:avLst>
            <a:gd name="adj" fmla="val 10000"/>
          </a:avLst>
        </a:prstGeom>
        <a:solidFill>
          <a:srgbClr val="DA743B">
            <a:alpha val="90000"/>
          </a:srgbClr>
        </a:solidFill>
        <a:ln w="12700" cap="flat" cmpd="sng" algn="ctr">
          <a:solidFill>
            <a:srgbClr val="20387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1915" tIns="54610" rIns="81915" bIns="54610" numCol="1" spcCol="1270" anchor="ctr" anchorCtr="0">
          <a:noAutofit/>
        </a:bodyPr>
        <a:lstStyle/>
        <a:p>
          <a:pPr marL="0" lvl="0" indent="0" algn="ctr" defTabSz="1911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4300" kern="1200" dirty="0"/>
        </a:p>
      </dsp:txBody>
      <dsp:txXfrm>
        <a:off x="3122905" y="1922406"/>
        <a:ext cx="1169725" cy="714409"/>
      </dsp:txXfrm>
    </dsp:sp>
    <dsp:sp modelId="{AA7C11C6-7D71-4702-9464-837B23A72B6C}">
      <dsp:nvSpPr>
        <dsp:cNvPr id="0" name=""/>
        <dsp:cNvSpPr/>
      </dsp:nvSpPr>
      <dsp:spPr>
        <a:xfrm>
          <a:off x="2948907" y="761889"/>
          <a:ext cx="151772" cy="246629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66298"/>
              </a:lnTo>
              <a:lnTo>
                <a:pt x="151772" y="2466298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7897F18F-B374-4CBA-B6B2-A0E2A3CCDA34}">
      <dsp:nvSpPr>
        <dsp:cNvPr id="0" name=""/>
        <dsp:cNvSpPr/>
      </dsp:nvSpPr>
      <dsp:spPr>
        <a:xfrm>
          <a:off x="3100679" y="2848757"/>
          <a:ext cx="1214177" cy="758861"/>
        </a:xfrm>
        <a:prstGeom prst="roundRect">
          <a:avLst>
            <a:gd name="adj" fmla="val 10000"/>
          </a:avLst>
        </a:prstGeom>
        <a:solidFill>
          <a:srgbClr val="DA743B">
            <a:alpha val="90000"/>
          </a:srgbClr>
        </a:solidFill>
        <a:ln w="12700" cap="flat" cmpd="sng" algn="ctr">
          <a:solidFill>
            <a:srgbClr val="20387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1915" tIns="54610" rIns="81915" bIns="54610" numCol="1" spcCol="1270" anchor="ctr" anchorCtr="0">
          <a:noAutofit/>
        </a:bodyPr>
        <a:lstStyle/>
        <a:p>
          <a:pPr marL="0" lvl="0" indent="0" algn="ctr" defTabSz="1911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4300" kern="1200" dirty="0"/>
        </a:p>
      </dsp:txBody>
      <dsp:txXfrm>
        <a:off x="3122905" y="2870983"/>
        <a:ext cx="1169725" cy="714409"/>
      </dsp:txXfrm>
    </dsp:sp>
    <dsp:sp modelId="{F5DBD996-E447-406A-B4CA-F35406647236}">
      <dsp:nvSpPr>
        <dsp:cNvPr id="0" name=""/>
        <dsp:cNvSpPr/>
      </dsp:nvSpPr>
      <dsp:spPr>
        <a:xfrm>
          <a:off x="2948907" y="761889"/>
          <a:ext cx="151772" cy="341487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414874"/>
              </a:lnTo>
              <a:lnTo>
                <a:pt x="151772" y="3414874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C58AB54F-E5D2-4AF7-BA8E-785EF0F9A8FD}">
      <dsp:nvSpPr>
        <dsp:cNvPr id="0" name=""/>
        <dsp:cNvSpPr/>
      </dsp:nvSpPr>
      <dsp:spPr>
        <a:xfrm>
          <a:off x="3100679" y="3797333"/>
          <a:ext cx="1214177" cy="758861"/>
        </a:xfrm>
        <a:prstGeom prst="roundRect">
          <a:avLst>
            <a:gd name="adj" fmla="val 10000"/>
          </a:avLst>
        </a:prstGeom>
        <a:solidFill>
          <a:srgbClr val="DA743B">
            <a:alpha val="90000"/>
          </a:srgbClr>
        </a:solidFill>
        <a:ln w="12700" cap="flat" cmpd="sng" algn="ctr">
          <a:solidFill>
            <a:srgbClr val="20387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1915" tIns="54610" rIns="81915" bIns="54610" numCol="1" spcCol="1270" anchor="ctr" anchorCtr="0">
          <a:noAutofit/>
        </a:bodyPr>
        <a:lstStyle/>
        <a:p>
          <a:pPr marL="0" lvl="0" indent="0" algn="ctr" defTabSz="1911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4300" kern="1200" dirty="0"/>
        </a:p>
      </dsp:txBody>
      <dsp:txXfrm>
        <a:off x="3122905" y="3819559"/>
        <a:ext cx="1169725" cy="714409"/>
      </dsp:txXfrm>
    </dsp:sp>
    <dsp:sp modelId="{20203D50-486C-4C61-98E8-081C29B08E90}">
      <dsp:nvSpPr>
        <dsp:cNvPr id="0" name=""/>
        <dsp:cNvSpPr/>
      </dsp:nvSpPr>
      <dsp:spPr>
        <a:xfrm>
          <a:off x="4694287" y="3028"/>
          <a:ext cx="1517722" cy="758861"/>
        </a:xfrm>
        <a:prstGeom prst="roundRect">
          <a:avLst>
            <a:gd name="adj" fmla="val 10000"/>
          </a:avLst>
        </a:prstGeom>
        <a:solidFill>
          <a:srgbClr val="203876"/>
        </a:solidFill>
        <a:ln w="12700" cap="flat" cmpd="sng" algn="ctr">
          <a:solidFill>
            <a:srgbClr val="DA743B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2385" tIns="21590" rIns="32385" bIns="2159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1700" kern="1200" dirty="0">
            <a:solidFill>
              <a:srgbClr val="DA743B"/>
            </a:solidFill>
          </a:endParaRPr>
        </a:p>
      </dsp:txBody>
      <dsp:txXfrm>
        <a:off x="4716513" y="25254"/>
        <a:ext cx="1473270" cy="714409"/>
      </dsp:txXfrm>
    </dsp:sp>
    <dsp:sp modelId="{0CCE5F86-5CD9-4E4E-88A3-CDEFE47F53F3}">
      <dsp:nvSpPr>
        <dsp:cNvPr id="0" name=""/>
        <dsp:cNvSpPr/>
      </dsp:nvSpPr>
      <dsp:spPr>
        <a:xfrm>
          <a:off x="4846060" y="761889"/>
          <a:ext cx="151772" cy="569145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569145"/>
              </a:lnTo>
              <a:lnTo>
                <a:pt x="151772" y="569145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5D569AD-F281-4845-BA1C-8FD4FF5E4C5D}">
      <dsp:nvSpPr>
        <dsp:cNvPr id="0" name=""/>
        <dsp:cNvSpPr/>
      </dsp:nvSpPr>
      <dsp:spPr>
        <a:xfrm>
          <a:off x="4997832" y="951604"/>
          <a:ext cx="1214177" cy="758861"/>
        </a:xfrm>
        <a:prstGeom prst="roundRect">
          <a:avLst>
            <a:gd name="adj" fmla="val 10000"/>
          </a:avLst>
        </a:prstGeom>
        <a:solidFill>
          <a:srgbClr val="DA743B"/>
        </a:solidFill>
        <a:ln w="12700" cap="flat" cmpd="sng" algn="ctr">
          <a:solidFill>
            <a:srgbClr val="20387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1915" tIns="54610" rIns="81915" bIns="54610" numCol="1" spcCol="1270" anchor="ctr" anchorCtr="0">
          <a:noAutofit/>
        </a:bodyPr>
        <a:lstStyle/>
        <a:p>
          <a:pPr marL="0" lvl="0" indent="0" algn="ctr" defTabSz="1911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4300" kern="1200" dirty="0">
            <a:solidFill>
              <a:srgbClr val="DA743B"/>
            </a:solidFill>
          </a:endParaRPr>
        </a:p>
      </dsp:txBody>
      <dsp:txXfrm>
        <a:off x="5020058" y="973830"/>
        <a:ext cx="1169725" cy="714409"/>
      </dsp:txXfrm>
    </dsp:sp>
    <dsp:sp modelId="{D5463983-C702-465E-B17A-A3AA5BC999AC}">
      <dsp:nvSpPr>
        <dsp:cNvPr id="0" name=""/>
        <dsp:cNvSpPr/>
      </dsp:nvSpPr>
      <dsp:spPr>
        <a:xfrm>
          <a:off x="4846060" y="761889"/>
          <a:ext cx="151772" cy="1517722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517722"/>
              </a:lnTo>
              <a:lnTo>
                <a:pt x="151772" y="1517722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D229971-8784-4DAB-B011-12F303B20F40}">
      <dsp:nvSpPr>
        <dsp:cNvPr id="0" name=""/>
        <dsp:cNvSpPr/>
      </dsp:nvSpPr>
      <dsp:spPr>
        <a:xfrm>
          <a:off x="4997832" y="1900180"/>
          <a:ext cx="1214177" cy="758861"/>
        </a:xfrm>
        <a:prstGeom prst="roundRect">
          <a:avLst>
            <a:gd name="adj" fmla="val 10000"/>
          </a:avLst>
        </a:prstGeom>
        <a:solidFill>
          <a:srgbClr val="DA743B"/>
        </a:solidFill>
        <a:ln w="12700" cap="flat" cmpd="sng" algn="ctr">
          <a:solidFill>
            <a:srgbClr val="20387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1915" tIns="54610" rIns="81915" bIns="54610" numCol="1" spcCol="1270" anchor="ctr" anchorCtr="0">
          <a:noAutofit/>
        </a:bodyPr>
        <a:lstStyle/>
        <a:p>
          <a:pPr marL="0" lvl="0" indent="0" algn="ctr" defTabSz="1911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4300" kern="1200" dirty="0">
            <a:solidFill>
              <a:srgbClr val="DA743B"/>
            </a:solidFill>
          </a:endParaRPr>
        </a:p>
      </dsp:txBody>
      <dsp:txXfrm>
        <a:off x="5020058" y="1922406"/>
        <a:ext cx="1169725" cy="714409"/>
      </dsp:txXfrm>
    </dsp:sp>
    <dsp:sp modelId="{90BF0AFC-C535-427A-8EF9-76866B92A044}">
      <dsp:nvSpPr>
        <dsp:cNvPr id="0" name=""/>
        <dsp:cNvSpPr/>
      </dsp:nvSpPr>
      <dsp:spPr>
        <a:xfrm>
          <a:off x="4846060" y="761889"/>
          <a:ext cx="151772" cy="246629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66298"/>
              </a:lnTo>
              <a:lnTo>
                <a:pt x="151772" y="2466298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FBF1B54-B3B7-4FFE-A537-2D1CCC024BD1}">
      <dsp:nvSpPr>
        <dsp:cNvPr id="0" name=""/>
        <dsp:cNvSpPr/>
      </dsp:nvSpPr>
      <dsp:spPr>
        <a:xfrm>
          <a:off x="4997832" y="2848757"/>
          <a:ext cx="1214177" cy="758861"/>
        </a:xfrm>
        <a:prstGeom prst="roundRect">
          <a:avLst>
            <a:gd name="adj" fmla="val 10000"/>
          </a:avLst>
        </a:prstGeom>
        <a:solidFill>
          <a:srgbClr val="DA743B"/>
        </a:solidFill>
        <a:ln w="12700" cap="flat" cmpd="sng" algn="ctr">
          <a:solidFill>
            <a:srgbClr val="20387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1915" tIns="54610" rIns="81915" bIns="54610" numCol="1" spcCol="1270" anchor="ctr" anchorCtr="0">
          <a:noAutofit/>
        </a:bodyPr>
        <a:lstStyle/>
        <a:p>
          <a:pPr marL="0" lvl="0" indent="0" algn="ctr" defTabSz="1911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4300" kern="1200" dirty="0">
            <a:solidFill>
              <a:srgbClr val="DA743B"/>
            </a:solidFill>
          </a:endParaRPr>
        </a:p>
      </dsp:txBody>
      <dsp:txXfrm>
        <a:off x="5020058" y="2870983"/>
        <a:ext cx="1169725" cy="714409"/>
      </dsp:txXfrm>
    </dsp:sp>
    <dsp:sp modelId="{C2B42D59-3627-4CC8-B458-B011758AEB43}">
      <dsp:nvSpPr>
        <dsp:cNvPr id="0" name=""/>
        <dsp:cNvSpPr/>
      </dsp:nvSpPr>
      <dsp:spPr>
        <a:xfrm>
          <a:off x="6591440" y="3028"/>
          <a:ext cx="1517722" cy="758861"/>
        </a:xfrm>
        <a:prstGeom prst="roundRect">
          <a:avLst>
            <a:gd name="adj" fmla="val 10000"/>
          </a:avLst>
        </a:prstGeom>
        <a:solidFill>
          <a:srgbClr val="203876"/>
        </a:solidFill>
        <a:ln w="12700" cap="flat" cmpd="sng" algn="ctr">
          <a:solidFill>
            <a:srgbClr val="DA743B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2385" tIns="21590" rIns="32385" bIns="2159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1700" kern="1200" dirty="0">
              <a:solidFill>
                <a:srgbClr val="DA743B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Simulator</a:t>
          </a:r>
        </a:p>
      </dsp:txBody>
      <dsp:txXfrm>
        <a:off x="6613666" y="25254"/>
        <a:ext cx="1473270" cy="714409"/>
      </dsp:txXfrm>
    </dsp:sp>
    <dsp:sp modelId="{5D3B7416-522A-4ADE-B613-9EE10041EA5E}">
      <dsp:nvSpPr>
        <dsp:cNvPr id="0" name=""/>
        <dsp:cNvSpPr/>
      </dsp:nvSpPr>
      <dsp:spPr>
        <a:xfrm>
          <a:off x="6743212" y="761889"/>
          <a:ext cx="151772" cy="569145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569145"/>
              </a:lnTo>
              <a:lnTo>
                <a:pt x="151772" y="569145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D373F6C3-B244-4E05-83C8-DE9107E2D77A}">
      <dsp:nvSpPr>
        <dsp:cNvPr id="0" name=""/>
        <dsp:cNvSpPr/>
      </dsp:nvSpPr>
      <dsp:spPr>
        <a:xfrm>
          <a:off x="6894985" y="951604"/>
          <a:ext cx="1214177" cy="758861"/>
        </a:xfrm>
        <a:prstGeom prst="roundRect">
          <a:avLst>
            <a:gd name="adj" fmla="val 10000"/>
          </a:avLst>
        </a:prstGeom>
        <a:solidFill>
          <a:srgbClr val="DA743B">
            <a:alpha val="90000"/>
          </a:srgbClr>
        </a:solidFill>
        <a:ln w="12700" cap="flat" cmpd="sng" algn="ctr">
          <a:solidFill>
            <a:srgbClr val="20387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1915" tIns="54610" rIns="81915" bIns="54610" numCol="1" spcCol="1270" anchor="ctr" anchorCtr="0">
          <a:noAutofit/>
        </a:bodyPr>
        <a:lstStyle/>
        <a:p>
          <a:pPr marL="0" lvl="0" indent="0" algn="ctr" defTabSz="1911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4300" kern="1200" dirty="0"/>
        </a:p>
      </dsp:txBody>
      <dsp:txXfrm>
        <a:off x="6917211" y="973830"/>
        <a:ext cx="1169725" cy="714409"/>
      </dsp:txXfrm>
    </dsp:sp>
    <dsp:sp modelId="{1A55B2D6-C0C6-4D4D-8184-A5B8A3354851}">
      <dsp:nvSpPr>
        <dsp:cNvPr id="0" name=""/>
        <dsp:cNvSpPr/>
      </dsp:nvSpPr>
      <dsp:spPr>
        <a:xfrm>
          <a:off x="8488593" y="3028"/>
          <a:ext cx="1517722" cy="758861"/>
        </a:xfrm>
        <a:prstGeom prst="roundRect">
          <a:avLst>
            <a:gd name="adj" fmla="val 10000"/>
          </a:avLst>
        </a:prstGeom>
        <a:solidFill>
          <a:srgbClr val="203876"/>
        </a:solidFill>
        <a:ln w="12700" cap="flat" cmpd="sng" algn="ctr">
          <a:solidFill>
            <a:srgbClr val="DA743B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2385" tIns="21590" rIns="32385" bIns="2159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1700" kern="1200" dirty="0" err="1">
              <a:solidFill>
                <a:srgbClr val="DA743B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Results</a:t>
          </a:r>
          <a:r>
            <a:rPr lang="it-IT" sz="1700" kern="1200" dirty="0">
              <a:solidFill>
                <a:srgbClr val="DA743B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 output</a:t>
          </a:r>
        </a:p>
      </dsp:txBody>
      <dsp:txXfrm>
        <a:off x="8510819" y="25254"/>
        <a:ext cx="1473270" cy="714409"/>
      </dsp:txXfrm>
    </dsp:sp>
    <dsp:sp modelId="{1C6893F9-F9C3-4E14-BBD1-4DB867BD2CBA}">
      <dsp:nvSpPr>
        <dsp:cNvPr id="0" name=""/>
        <dsp:cNvSpPr/>
      </dsp:nvSpPr>
      <dsp:spPr>
        <a:xfrm>
          <a:off x="8640365" y="761889"/>
          <a:ext cx="151772" cy="569145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569145"/>
              </a:lnTo>
              <a:lnTo>
                <a:pt x="151772" y="569145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235815B4-55B2-40E1-964F-75D52B822E93}">
      <dsp:nvSpPr>
        <dsp:cNvPr id="0" name=""/>
        <dsp:cNvSpPr/>
      </dsp:nvSpPr>
      <dsp:spPr>
        <a:xfrm>
          <a:off x="8792137" y="951604"/>
          <a:ext cx="1214177" cy="758861"/>
        </a:xfrm>
        <a:prstGeom prst="roundRect">
          <a:avLst>
            <a:gd name="adj" fmla="val 10000"/>
          </a:avLst>
        </a:prstGeom>
        <a:solidFill>
          <a:srgbClr val="DA743B">
            <a:alpha val="90000"/>
          </a:srgbClr>
        </a:solidFill>
        <a:ln w="12700" cap="flat" cmpd="sng" algn="ctr">
          <a:solidFill>
            <a:srgbClr val="20387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1915" tIns="54610" rIns="81915" bIns="54610" numCol="1" spcCol="1270" anchor="ctr" anchorCtr="0">
          <a:noAutofit/>
        </a:bodyPr>
        <a:lstStyle/>
        <a:p>
          <a:pPr marL="0" lvl="0" indent="0" algn="ctr" defTabSz="1911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4300" kern="1200" dirty="0"/>
        </a:p>
      </dsp:txBody>
      <dsp:txXfrm>
        <a:off x="8814363" y="973830"/>
        <a:ext cx="1169725" cy="714409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892B50A-5A68-4913-9E9A-F55089A88567}">
      <dsp:nvSpPr>
        <dsp:cNvPr id="0" name=""/>
        <dsp:cNvSpPr/>
      </dsp:nvSpPr>
      <dsp:spPr>
        <a:xfrm>
          <a:off x="1924367" y="355737"/>
          <a:ext cx="4465319" cy="1395412"/>
        </a:xfrm>
        <a:prstGeom prst="rect">
          <a:avLst/>
        </a:prstGeom>
        <a:solidFill>
          <a:srgbClr val="DA743B"/>
        </a:solidFill>
        <a:ln w="6350" cap="flat" cmpd="sng" algn="ctr">
          <a:solidFill>
            <a:srgbClr val="344A81"/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45159" tIns="243840" rIns="243840" bIns="243840" numCol="1" spcCol="1270" anchor="ctr" anchorCtr="0">
          <a:noAutofit/>
        </a:bodyPr>
        <a:lstStyle/>
        <a:p>
          <a:pPr marL="0" lvl="0" indent="0" algn="l" defTabSz="2844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6400" kern="1200" dirty="0"/>
            <a:t>v0</a:t>
          </a:r>
        </a:p>
      </dsp:txBody>
      <dsp:txXfrm>
        <a:off x="1924367" y="355737"/>
        <a:ext cx="4465319" cy="1395412"/>
      </dsp:txXfrm>
    </dsp:sp>
    <dsp:sp modelId="{08178F42-4C27-4C59-A99A-A3C99B61C6D6}">
      <dsp:nvSpPr>
        <dsp:cNvPr id="0" name=""/>
        <dsp:cNvSpPr/>
      </dsp:nvSpPr>
      <dsp:spPr>
        <a:xfrm>
          <a:off x="1738312" y="154178"/>
          <a:ext cx="976788" cy="1465183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 l="-25000" r="-25000"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FB4A588-B38B-4C10-9B8C-5C1513FBF380}">
      <dsp:nvSpPr>
        <dsp:cNvPr id="0" name=""/>
        <dsp:cNvSpPr/>
      </dsp:nvSpPr>
      <dsp:spPr>
        <a:xfrm>
          <a:off x="1924367" y="2112407"/>
          <a:ext cx="4465319" cy="1395412"/>
        </a:xfrm>
        <a:prstGeom prst="rect">
          <a:avLst/>
        </a:prstGeom>
        <a:solidFill>
          <a:srgbClr val="DA743B"/>
        </a:solidFill>
        <a:ln w="6350" cap="flat" cmpd="sng" algn="ctr">
          <a:solidFill>
            <a:srgbClr val="344A81"/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45159" tIns="243840" rIns="243840" bIns="243840" numCol="1" spcCol="1270" anchor="ctr" anchorCtr="0">
          <a:noAutofit/>
        </a:bodyPr>
        <a:lstStyle/>
        <a:p>
          <a:pPr marL="0" lvl="0" indent="0" algn="l" defTabSz="2844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6400" kern="1200" dirty="0"/>
            <a:t>v1</a:t>
          </a:r>
        </a:p>
      </dsp:txBody>
      <dsp:txXfrm>
        <a:off x="1924367" y="2112407"/>
        <a:ext cx="4465319" cy="1395412"/>
      </dsp:txXfrm>
    </dsp:sp>
    <dsp:sp modelId="{64A430A9-216D-4601-8315-FAC35F7E7B3E}">
      <dsp:nvSpPr>
        <dsp:cNvPr id="0" name=""/>
        <dsp:cNvSpPr/>
      </dsp:nvSpPr>
      <dsp:spPr>
        <a:xfrm>
          <a:off x="1738312" y="1910847"/>
          <a:ext cx="976788" cy="1465183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 l="-25000" r="-25000"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7F4455F-AD83-42C7-B4A4-9BB13358E788}">
      <dsp:nvSpPr>
        <dsp:cNvPr id="0" name=""/>
        <dsp:cNvSpPr/>
      </dsp:nvSpPr>
      <dsp:spPr>
        <a:xfrm>
          <a:off x="1924367" y="3869076"/>
          <a:ext cx="4465319" cy="1395412"/>
        </a:xfrm>
        <a:prstGeom prst="rect">
          <a:avLst/>
        </a:prstGeom>
        <a:solidFill>
          <a:srgbClr val="DA743B"/>
        </a:solidFill>
        <a:ln w="6350" cap="flat" cmpd="sng" algn="ctr">
          <a:solidFill>
            <a:srgbClr val="344A81"/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45159" tIns="243840" rIns="243840" bIns="243840" numCol="1" spcCol="1270" anchor="ctr" anchorCtr="0">
          <a:noAutofit/>
        </a:bodyPr>
        <a:lstStyle/>
        <a:p>
          <a:pPr marL="0" lvl="0" indent="0" algn="l" defTabSz="2844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6400" kern="1200" dirty="0"/>
            <a:t>v2</a:t>
          </a:r>
        </a:p>
      </dsp:txBody>
      <dsp:txXfrm>
        <a:off x="1924367" y="3869076"/>
        <a:ext cx="4465319" cy="1395412"/>
      </dsp:txXfrm>
    </dsp:sp>
    <dsp:sp modelId="{14B7C48D-4611-4E9F-9DC8-ACF8AFC62392}">
      <dsp:nvSpPr>
        <dsp:cNvPr id="0" name=""/>
        <dsp:cNvSpPr/>
      </dsp:nvSpPr>
      <dsp:spPr>
        <a:xfrm>
          <a:off x="1738312" y="3667516"/>
          <a:ext cx="976788" cy="1465183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 l="-25000" r="-25000"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D4F156E-1BD8-481D-AF0C-6B974AA6CA81}">
      <dsp:nvSpPr>
        <dsp:cNvPr id="0" name=""/>
        <dsp:cNvSpPr/>
      </dsp:nvSpPr>
      <dsp:spPr>
        <a:xfrm>
          <a:off x="4330164" y="2009676"/>
          <a:ext cx="248834" cy="1940911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940911"/>
              </a:lnTo>
              <a:lnTo>
                <a:pt x="248834" y="1940911"/>
              </a:lnTo>
            </a:path>
          </a:pathLst>
        </a:custGeom>
        <a:noFill/>
        <a:ln w="19050" cap="flat" cmpd="sng" algn="ctr">
          <a:solidFill>
            <a:srgbClr val="203876"/>
          </a:solidFill>
          <a:prstDash val="dash"/>
          <a:round/>
          <a:headEnd type="none" w="med" len="med"/>
          <a:tailEnd type="none" w="med" len="med"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>
          <a:schemeClr val="tx1"/>
        </a:fontRef>
      </dsp:style>
    </dsp:sp>
    <dsp:sp modelId="{4B0CB82F-530A-4268-9561-C05106138569}">
      <dsp:nvSpPr>
        <dsp:cNvPr id="0" name=""/>
        <dsp:cNvSpPr/>
      </dsp:nvSpPr>
      <dsp:spPr>
        <a:xfrm>
          <a:off x="4330164" y="2009676"/>
          <a:ext cx="248834" cy="763093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763093"/>
              </a:lnTo>
              <a:lnTo>
                <a:pt x="248834" y="763093"/>
              </a:lnTo>
            </a:path>
          </a:pathLst>
        </a:custGeom>
        <a:noFill/>
        <a:ln w="19050" cap="flat" cmpd="sng" algn="ctr">
          <a:solidFill>
            <a:srgbClr val="203876"/>
          </a:solidFill>
          <a:prstDash val="dash"/>
          <a:round/>
          <a:headEnd type="none" w="med" len="med"/>
          <a:tailEnd type="none" w="med" len="med"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>
          <a:schemeClr val="tx1"/>
        </a:fontRef>
      </dsp:style>
    </dsp:sp>
    <dsp:sp modelId="{00D52FF9-A33F-40D3-9F8F-5183C9D087A6}">
      <dsp:nvSpPr>
        <dsp:cNvPr id="0" name=""/>
        <dsp:cNvSpPr/>
      </dsp:nvSpPr>
      <dsp:spPr>
        <a:xfrm>
          <a:off x="2986456" y="831858"/>
          <a:ext cx="2007267" cy="34836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74184"/>
              </a:lnTo>
              <a:lnTo>
                <a:pt x="2007267" y="174184"/>
              </a:lnTo>
              <a:lnTo>
                <a:pt x="2007267" y="348368"/>
              </a:lnTo>
            </a:path>
          </a:pathLst>
        </a:custGeom>
        <a:noFill/>
        <a:ln w="19050" cap="flat" cmpd="sng" algn="ctr">
          <a:solidFill>
            <a:srgbClr val="203876"/>
          </a:solidFill>
          <a:prstDash val="dash"/>
          <a:round/>
          <a:headEnd type="none" w="med" len="med"/>
          <a:tailEnd type="none" w="med" len="med"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>
          <a:schemeClr val="tx1"/>
        </a:fontRef>
      </dsp:style>
    </dsp:sp>
    <dsp:sp modelId="{23DAD29D-C1B1-45BC-80BC-2E6D7060E46D}">
      <dsp:nvSpPr>
        <dsp:cNvPr id="0" name=""/>
        <dsp:cNvSpPr/>
      </dsp:nvSpPr>
      <dsp:spPr>
        <a:xfrm>
          <a:off x="2322896" y="2009676"/>
          <a:ext cx="248834" cy="1940911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940911"/>
              </a:lnTo>
              <a:lnTo>
                <a:pt x="248834" y="1940911"/>
              </a:lnTo>
            </a:path>
          </a:pathLst>
        </a:custGeom>
        <a:noFill/>
        <a:ln w="19050" cap="flat" cmpd="sng" algn="ctr">
          <a:solidFill>
            <a:srgbClr val="203876"/>
          </a:solidFill>
          <a:prstDash val="dash"/>
          <a:round/>
          <a:headEnd type="none" w="med" len="med"/>
          <a:tailEnd type="none" w="med" len="med"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>
          <a:schemeClr val="tx1"/>
        </a:fontRef>
      </dsp:style>
    </dsp:sp>
    <dsp:sp modelId="{4D6DA9B9-3542-4AF9-AAFE-96EA78492C25}">
      <dsp:nvSpPr>
        <dsp:cNvPr id="0" name=""/>
        <dsp:cNvSpPr/>
      </dsp:nvSpPr>
      <dsp:spPr>
        <a:xfrm>
          <a:off x="2322896" y="2009676"/>
          <a:ext cx="248834" cy="763093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763093"/>
              </a:lnTo>
              <a:lnTo>
                <a:pt x="248834" y="763093"/>
              </a:lnTo>
            </a:path>
          </a:pathLst>
        </a:custGeom>
        <a:noFill/>
        <a:ln w="19050" cap="flat" cmpd="sng" algn="ctr">
          <a:solidFill>
            <a:srgbClr val="203876"/>
          </a:solidFill>
          <a:prstDash val="dash"/>
          <a:round/>
          <a:headEnd type="none" w="med" len="med"/>
          <a:tailEnd type="none" w="med" len="med"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>
          <a:schemeClr val="tx1"/>
        </a:fontRef>
      </dsp:style>
    </dsp:sp>
    <dsp:sp modelId="{9F709597-61DF-4424-A9A8-D10420BB6F5B}">
      <dsp:nvSpPr>
        <dsp:cNvPr id="0" name=""/>
        <dsp:cNvSpPr/>
      </dsp:nvSpPr>
      <dsp:spPr>
        <a:xfrm>
          <a:off x="2940736" y="831858"/>
          <a:ext cx="91440" cy="348368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48368"/>
              </a:lnTo>
            </a:path>
          </a:pathLst>
        </a:custGeom>
        <a:noFill/>
        <a:ln w="19050" cap="flat" cmpd="sng" algn="ctr">
          <a:solidFill>
            <a:srgbClr val="203876"/>
          </a:solidFill>
          <a:prstDash val="dash"/>
          <a:round/>
          <a:headEnd type="none" w="med" len="med"/>
          <a:tailEnd type="none" w="med" len="med"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>
          <a:schemeClr val="tx1"/>
        </a:fontRef>
      </dsp:style>
    </dsp:sp>
    <dsp:sp modelId="{2D658434-1EC3-451B-834F-2171DC75A403}">
      <dsp:nvSpPr>
        <dsp:cNvPr id="0" name=""/>
        <dsp:cNvSpPr/>
      </dsp:nvSpPr>
      <dsp:spPr>
        <a:xfrm>
          <a:off x="315629" y="2009676"/>
          <a:ext cx="248834" cy="1940911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940911"/>
              </a:lnTo>
              <a:lnTo>
                <a:pt x="248834" y="1940911"/>
              </a:lnTo>
            </a:path>
          </a:pathLst>
        </a:custGeom>
        <a:noFill/>
        <a:ln w="19050" cap="flat" cmpd="sng" algn="ctr">
          <a:solidFill>
            <a:srgbClr val="203876"/>
          </a:solidFill>
          <a:prstDash val="dash"/>
          <a:round/>
          <a:headEnd type="none" w="med" len="med"/>
          <a:tailEnd type="none" w="med" len="med"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>
          <a:schemeClr val="tx1"/>
        </a:fontRef>
      </dsp:style>
    </dsp:sp>
    <dsp:sp modelId="{9D5E496B-DD2C-476B-B4CE-F74B478C5455}">
      <dsp:nvSpPr>
        <dsp:cNvPr id="0" name=""/>
        <dsp:cNvSpPr/>
      </dsp:nvSpPr>
      <dsp:spPr>
        <a:xfrm>
          <a:off x="315629" y="2009676"/>
          <a:ext cx="248834" cy="763093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763093"/>
              </a:lnTo>
              <a:lnTo>
                <a:pt x="248834" y="763093"/>
              </a:lnTo>
            </a:path>
          </a:pathLst>
        </a:custGeom>
        <a:noFill/>
        <a:ln w="19050" cap="flat" cmpd="sng" algn="ctr">
          <a:solidFill>
            <a:srgbClr val="203876"/>
          </a:solidFill>
          <a:prstDash val="dash"/>
          <a:round/>
          <a:headEnd type="none" w="med" len="med"/>
          <a:tailEnd type="none" w="med" len="med"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>
          <a:schemeClr val="tx1"/>
        </a:fontRef>
      </dsp:style>
    </dsp:sp>
    <dsp:sp modelId="{59B2F1CD-42F7-4C09-B060-035F441165D8}">
      <dsp:nvSpPr>
        <dsp:cNvPr id="0" name=""/>
        <dsp:cNvSpPr/>
      </dsp:nvSpPr>
      <dsp:spPr>
        <a:xfrm>
          <a:off x="979188" y="831858"/>
          <a:ext cx="2007267" cy="348368"/>
        </a:xfrm>
        <a:custGeom>
          <a:avLst/>
          <a:gdLst/>
          <a:ahLst/>
          <a:cxnLst/>
          <a:rect l="0" t="0" r="0" b="0"/>
          <a:pathLst>
            <a:path>
              <a:moveTo>
                <a:pt x="2007267" y="0"/>
              </a:moveTo>
              <a:lnTo>
                <a:pt x="2007267" y="174184"/>
              </a:lnTo>
              <a:lnTo>
                <a:pt x="0" y="174184"/>
              </a:lnTo>
              <a:lnTo>
                <a:pt x="0" y="348368"/>
              </a:lnTo>
            </a:path>
          </a:pathLst>
        </a:custGeom>
        <a:noFill/>
        <a:ln w="19050" cap="flat" cmpd="sng" algn="ctr">
          <a:solidFill>
            <a:srgbClr val="203876"/>
          </a:solidFill>
          <a:prstDash val="dash"/>
          <a:round/>
          <a:headEnd type="none" w="med" len="med"/>
          <a:tailEnd type="none" w="med" len="med"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>
          <a:schemeClr val="tx1"/>
        </a:fontRef>
      </dsp:style>
    </dsp:sp>
    <dsp:sp modelId="{118309CD-B606-4170-9735-EE896C61807A}">
      <dsp:nvSpPr>
        <dsp:cNvPr id="0" name=""/>
        <dsp:cNvSpPr/>
      </dsp:nvSpPr>
      <dsp:spPr>
        <a:xfrm>
          <a:off x="2157006" y="2409"/>
          <a:ext cx="1658898" cy="829449"/>
        </a:xfrm>
        <a:prstGeom prst="roundRect">
          <a:avLst/>
        </a:prstGeom>
        <a:solidFill>
          <a:srgbClr val="203876"/>
        </a:solidFill>
        <a:ln w="12700" cap="flat" cmpd="sng" algn="ctr">
          <a:solidFill>
            <a:srgbClr val="DA743B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7305" tIns="27305" rIns="27305" bIns="27305" numCol="1" spcCol="1270" anchor="ctr" anchorCtr="0">
          <a:noAutofit/>
        </a:bodyPr>
        <a:lstStyle/>
        <a:p>
          <a:pPr marL="0" lvl="0" indent="0" algn="ctr" defTabSz="1911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4300" kern="1200" dirty="0"/>
        </a:p>
      </dsp:txBody>
      <dsp:txXfrm>
        <a:off x="2197496" y="42899"/>
        <a:ext cx="1577918" cy="748469"/>
      </dsp:txXfrm>
    </dsp:sp>
    <dsp:sp modelId="{968FD1B9-B451-4421-B5A8-7BD25C8B3794}">
      <dsp:nvSpPr>
        <dsp:cNvPr id="0" name=""/>
        <dsp:cNvSpPr/>
      </dsp:nvSpPr>
      <dsp:spPr>
        <a:xfrm>
          <a:off x="149739" y="1180227"/>
          <a:ext cx="1658898" cy="829449"/>
        </a:xfrm>
        <a:prstGeom prst="roundRect">
          <a:avLst/>
        </a:prstGeom>
        <a:solidFill>
          <a:srgbClr val="203876"/>
        </a:solidFill>
        <a:ln w="12700" cap="flat" cmpd="sng" algn="ctr">
          <a:solidFill>
            <a:srgbClr val="DA743B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7305" tIns="27305" rIns="27305" bIns="27305" numCol="1" spcCol="1270" anchor="ctr" anchorCtr="0">
          <a:noAutofit/>
        </a:bodyPr>
        <a:lstStyle/>
        <a:p>
          <a:pPr marL="0" lvl="0" indent="0" algn="ctr" defTabSz="1911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4300" kern="1200" dirty="0"/>
        </a:p>
      </dsp:txBody>
      <dsp:txXfrm>
        <a:off x="190229" y="1220717"/>
        <a:ext cx="1577918" cy="748469"/>
      </dsp:txXfrm>
    </dsp:sp>
    <dsp:sp modelId="{FACE8DFE-AD25-4B41-A648-410E0E226C74}">
      <dsp:nvSpPr>
        <dsp:cNvPr id="0" name=""/>
        <dsp:cNvSpPr/>
      </dsp:nvSpPr>
      <dsp:spPr>
        <a:xfrm>
          <a:off x="564464" y="2358045"/>
          <a:ext cx="1658898" cy="829449"/>
        </a:xfrm>
        <a:prstGeom prst="roundRect">
          <a:avLst/>
        </a:prstGeom>
        <a:solidFill>
          <a:srgbClr val="DA743B"/>
        </a:solidFill>
        <a:ln w="12700" cap="flat" cmpd="sng" algn="ctr">
          <a:solidFill>
            <a:srgbClr val="20387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1115" tIns="31115" rIns="31115" bIns="31115" numCol="1" spcCol="1270" anchor="ctr" anchorCtr="0">
          <a:noAutofit/>
        </a:bodyPr>
        <a:lstStyle/>
        <a:p>
          <a:pPr marL="0" lvl="0" indent="0" algn="ctr" defTabSz="2178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4900" kern="1200" dirty="0"/>
        </a:p>
      </dsp:txBody>
      <dsp:txXfrm>
        <a:off x="604954" y="2398535"/>
        <a:ext cx="1577918" cy="748469"/>
      </dsp:txXfrm>
    </dsp:sp>
    <dsp:sp modelId="{3BA049E5-F41D-4B3A-8EDE-7E529ABA2F41}">
      <dsp:nvSpPr>
        <dsp:cNvPr id="0" name=""/>
        <dsp:cNvSpPr/>
      </dsp:nvSpPr>
      <dsp:spPr>
        <a:xfrm>
          <a:off x="564464" y="3535863"/>
          <a:ext cx="1658898" cy="829449"/>
        </a:xfrm>
        <a:prstGeom prst="roundRect">
          <a:avLst/>
        </a:prstGeom>
        <a:solidFill>
          <a:srgbClr val="DA743B"/>
        </a:solidFill>
        <a:ln w="12700" cap="flat" cmpd="sng" algn="ctr">
          <a:solidFill>
            <a:srgbClr val="20387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1115" tIns="31115" rIns="31115" bIns="31115" numCol="1" spcCol="1270" anchor="ctr" anchorCtr="0">
          <a:noAutofit/>
        </a:bodyPr>
        <a:lstStyle/>
        <a:p>
          <a:pPr marL="0" lvl="0" indent="0" algn="ctr" defTabSz="2178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4900" kern="1200" dirty="0"/>
        </a:p>
      </dsp:txBody>
      <dsp:txXfrm>
        <a:off x="604954" y="3576353"/>
        <a:ext cx="1577918" cy="748469"/>
      </dsp:txXfrm>
    </dsp:sp>
    <dsp:sp modelId="{5ADB8FD1-9AE3-4AF1-8BDC-A680C9D0E420}">
      <dsp:nvSpPr>
        <dsp:cNvPr id="0" name=""/>
        <dsp:cNvSpPr/>
      </dsp:nvSpPr>
      <dsp:spPr>
        <a:xfrm>
          <a:off x="2157006" y="1180227"/>
          <a:ext cx="1658898" cy="829449"/>
        </a:xfrm>
        <a:prstGeom prst="roundRect">
          <a:avLst/>
        </a:prstGeom>
        <a:solidFill>
          <a:srgbClr val="203876"/>
        </a:solidFill>
        <a:ln w="12700" cap="flat" cmpd="sng" algn="ctr">
          <a:solidFill>
            <a:srgbClr val="DA743B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7305" tIns="27305" rIns="27305" bIns="27305" numCol="1" spcCol="1270" anchor="ctr" anchorCtr="0">
          <a:noAutofit/>
        </a:bodyPr>
        <a:lstStyle/>
        <a:p>
          <a:pPr marL="0" lvl="0" indent="0" algn="ctr" defTabSz="1911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4300" kern="1200" dirty="0"/>
        </a:p>
      </dsp:txBody>
      <dsp:txXfrm>
        <a:off x="2197496" y="1220717"/>
        <a:ext cx="1577918" cy="748469"/>
      </dsp:txXfrm>
    </dsp:sp>
    <dsp:sp modelId="{5E474C74-FD3F-4A7E-A5D6-C03FF529FFB0}">
      <dsp:nvSpPr>
        <dsp:cNvPr id="0" name=""/>
        <dsp:cNvSpPr/>
      </dsp:nvSpPr>
      <dsp:spPr>
        <a:xfrm>
          <a:off x="2571731" y="2358045"/>
          <a:ext cx="1658898" cy="829449"/>
        </a:xfrm>
        <a:prstGeom prst="roundRect">
          <a:avLst/>
        </a:prstGeom>
        <a:solidFill>
          <a:srgbClr val="DA743B"/>
        </a:solidFill>
        <a:ln w="12700" cap="flat" cmpd="sng" algn="ctr">
          <a:solidFill>
            <a:srgbClr val="20387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1115" tIns="31115" rIns="31115" bIns="31115" numCol="1" spcCol="1270" anchor="ctr" anchorCtr="0">
          <a:noAutofit/>
        </a:bodyPr>
        <a:lstStyle/>
        <a:p>
          <a:pPr marL="0" lvl="0" indent="0" algn="ctr" defTabSz="2178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4900" kern="1200" dirty="0"/>
        </a:p>
      </dsp:txBody>
      <dsp:txXfrm>
        <a:off x="2612221" y="2398535"/>
        <a:ext cx="1577918" cy="748469"/>
      </dsp:txXfrm>
    </dsp:sp>
    <dsp:sp modelId="{951D5684-4799-4A60-B9C8-988EFC188F21}">
      <dsp:nvSpPr>
        <dsp:cNvPr id="0" name=""/>
        <dsp:cNvSpPr/>
      </dsp:nvSpPr>
      <dsp:spPr>
        <a:xfrm>
          <a:off x="2571731" y="3535863"/>
          <a:ext cx="1658898" cy="829449"/>
        </a:xfrm>
        <a:prstGeom prst="roundRect">
          <a:avLst/>
        </a:prstGeom>
        <a:solidFill>
          <a:srgbClr val="DA743B"/>
        </a:solidFill>
        <a:ln w="12700" cap="flat" cmpd="sng" algn="ctr">
          <a:solidFill>
            <a:srgbClr val="20387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1115" tIns="31115" rIns="31115" bIns="31115" numCol="1" spcCol="1270" anchor="ctr" anchorCtr="0">
          <a:noAutofit/>
        </a:bodyPr>
        <a:lstStyle/>
        <a:p>
          <a:pPr marL="0" lvl="0" indent="0" algn="ctr" defTabSz="2178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4900" kern="1200" dirty="0"/>
        </a:p>
      </dsp:txBody>
      <dsp:txXfrm>
        <a:off x="2612221" y="3576353"/>
        <a:ext cx="1577918" cy="748469"/>
      </dsp:txXfrm>
    </dsp:sp>
    <dsp:sp modelId="{FBB05F1F-5FE0-46E6-878B-0D4D6B2FE57E}">
      <dsp:nvSpPr>
        <dsp:cNvPr id="0" name=""/>
        <dsp:cNvSpPr/>
      </dsp:nvSpPr>
      <dsp:spPr>
        <a:xfrm>
          <a:off x="4164274" y="1180227"/>
          <a:ext cx="1658898" cy="829449"/>
        </a:xfrm>
        <a:prstGeom prst="roundRect">
          <a:avLst/>
        </a:prstGeom>
        <a:solidFill>
          <a:srgbClr val="203876"/>
        </a:solidFill>
        <a:ln w="12700" cap="flat" cmpd="sng" algn="ctr">
          <a:solidFill>
            <a:srgbClr val="DA743B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7305" tIns="27305" rIns="27305" bIns="27305" numCol="1" spcCol="1270" anchor="ctr" anchorCtr="0">
          <a:noAutofit/>
        </a:bodyPr>
        <a:lstStyle/>
        <a:p>
          <a:pPr marL="0" lvl="0" indent="0" algn="ctr" defTabSz="1911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4300" kern="1200" dirty="0"/>
        </a:p>
      </dsp:txBody>
      <dsp:txXfrm>
        <a:off x="4204764" y="1220717"/>
        <a:ext cx="1577918" cy="748469"/>
      </dsp:txXfrm>
    </dsp:sp>
    <dsp:sp modelId="{6AB65AA2-40C4-4FB2-850D-B69C1E6FDC44}">
      <dsp:nvSpPr>
        <dsp:cNvPr id="0" name=""/>
        <dsp:cNvSpPr/>
      </dsp:nvSpPr>
      <dsp:spPr>
        <a:xfrm>
          <a:off x="4578998" y="2358045"/>
          <a:ext cx="1658898" cy="829449"/>
        </a:xfrm>
        <a:prstGeom prst="roundRect">
          <a:avLst/>
        </a:prstGeom>
        <a:solidFill>
          <a:srgbClr val="DA743B"/>
        </a:solidFill>
        <a:ln w="12700" cap="flat" cmpd="sng" algn="ctr">
          <a:solidFill>
            <a:srgbClr val="20387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1115" tIns="31115" rIns="31115" bIns="31115" numCol="1" spcCol="1270" anchor="ctr" anchorCtr="0">
          <a:noAutofit/>
        </a:bodyPr>
        <a:lstStyle/>
        <a:p>
          <a:pPr marL="0" lvl="0" indent="0" algn="ctr" defTabSz="2178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4900" kern="1200" dirty="0"/>
        </a:p>
      </dsp:txBody>
      <dsp:txXfrm>
        <a:off x="4619488" y="2398535"/>
        <a:ext cx="1577918" cy="748469"/>
      </dsp:txXfrm>
    </dsp:sp>
    <dsp:sp modelId="{48F85580-8FD1-4112-966A-20D7FA4D30BA}">
      <dsp:nvSpPr>
        <dsp:cNvPr id="0" name=""/>
        <dsp:cNvSpPr/>
      </dsp:nvSpPr>
      <dsp:spPr>
        <a:xfrm>
          <a:off x="4578998" y="3535863"/>
          <a:ext cx="1658898" cy="829449"/>
        </a:xfrm>
        <a:prstGeom prst="roundRect">
          <a:avLst/>
        </a:prstGeom>
        <a:solidFill>
          <a:srgbClr val="DA743B"/>
        </a:solidFill>
        <a:ln w="12700" cap="flat" cmpd="sng" algn="ctr">
          <a:solidFill>
            <a:srgbClr val="20387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1115" tIns="31115" rIns="31115" bIns="31115" numCol="1" spcCol="1270" anchor="ctr" anchorCtr="0">
          <a:noAutofit/>
        </a:bodyPr>
        <a:lstStyle/>
        <a:p>
          <a:pPr marL="0" lvl="0" indent="0" algn="ctr" defTabSz="2178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it-IT" sz="4900" kern="1200" dirty="0"/>
        </a:p>
      </dsp:txBody>
      <dsp:txXfrm>
        <a:off x="4619488" y="3576353"/>
        <a:ext cx="1577918" cy="748469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Process6">
  <dgm:title val=""/>
  <dgm:desc val=""/>
  <dgm:catLst>
    <dgm:cat type="process" pri="7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theList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L"/>
          <dgm:param type="nodeHorzAlign" val="l"/>
        </dgm:alg>
      </dgm:if>
      <dgm:else name="Name2">
        <dgm:alg type="lin">
          <dgm:param type="linDir" val="from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w" refFor="ch" refForName="compNode" fact="0.7"/>
      <dgm:constr type="ctrY" for="ch" forName="compNode" refType="h" fact="0.5"/>
      <dgm:constr type="w" for="ch" forName="aSpace" refType="w" fact="0.05"/>
      <dgm:constr type="primFontSz" for="des" forName="childTextHidden" op="equ" val="65"/>
      <dgm:constr type="primFontSz" for="des" forName="parentText" op="equ"/>
    </dgm:constrLst>
    <dgm:ruleLst/>
    <dgm:forEach name="aNodeForEach" axis="ch" ptType="node">
      <dgm:layoutNode name="compNode">
        <dgm:alg type="composite">
          <dgm:param type="ar" val="1.43"/>
        </dgm:alg>
        <dgm:shape xmlns:r="http://schemas.openxmlformats.org/officeDocument/2006/relationships" r:blip="">
          <dgm:adjLst/>
        </dgm:shape>
        <dgm:presOf/>
        <dgm:choose name="Name3">
          <dgm:if name="Name4" func="var" arg="dir" op="equ" val="norm">
            <dgm:constrLst>
              <dgm:constr type="w" for="ch" forName="childTextVisible" refType="w" fact="0.8"/>
              <dgm:constr type="h" for="ch" forName="childTextVisible" refType="h"/>
              <dgm:constr type="r" for="ch" forName="childTextVisible" refType="w"/>
              <dgm:constr type="w" for="ch" forName="childTextHidden" refType="w" fact="0.6"/>
              <dgm:constr type="h" for="ch" forName="childTextHidden" refType="h"/>
              <dgm:constr type="r" for="ch" forName="childTextHidden" refType="w"/>
              <dgm:constr type="l" for="ch" forName="parentText"/>
              <dgm:constr type="w" for="ch" forName="parentText" refType="w" fact="0.4"/>
              <dgm:constr type="h" for="ch" forName="parentText" refType="w" refFor="ch" refForName="parentText" op="equ"/>
              <dgm:constr type="ctrY" for="ch" forName="parentText" refType="h" fact="0.5"/>
            </dgm:constrLst>
          </dgm:if>
          <dgm:else name="Name5">
            <dgm:constrLst>
              <dgm:constr type="w" for="ch" forName="childTextVisible" refType="w" fact="0.8"/>
              <dgm:constr type="h" for="ch" forName="childTextVisible" refType="h"/>
              <dgm:constr type="l" for="ch" forName="childTextVisible"/>
              <dgm:constr type="w" for="ch" forName="childTextHidden" refType="w" fact="0.6"/>
              <dgm:constr type="h" for="ch" forName="childTextHidden" refType="h"/>
              <dgm:constr type="l" for="ch" forName="childTextHidden"/>
              <dgm:constr type="r" for="ch" forName="parentText" refType="w"/>
              <dgm:constr type="w" for="ch" forName="parentText" refType="w" fact="0.4"/>
              <dgm:constr type="h" for="ch" forName="parentText" refType="w" refFor="ch" refForName="parentText" op="equ"/>
              <dgm:constr type="ctrY" for="ch" forName="parentText" refType="h" fact="0.5"/>
            </dgm:constrLst>
          </dgm:else>
        </dgm:choose>
        <dgm:ruleLst/>
        <dgm:layoutNode name="noGeometry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childTextVisible" styleLbl="bgAccFollowNode1">
          <dgm:varLst>
            <dgm:bulletEnabled val="1"/>
          </dgm:varLst>
          <dgm:alg type="sp"/>
          <dgm:choose name="Name6">
            <dgm:if name="Name7" func="var" arg="dir" op="equ" val="norm">
              <dgm:shape xmlns:r="http://schemas.openxmlformats.org/officeDocument/2006/relationships" type="rightArrow" r:blip="">
                <dgm:adjLst>
                  <dgm:adj idx="1" val="0.7"/>
                  <dgm:adj idx="2" val="0.5"/>
                </dgm:adjLst>
              </dgm:shape>
            </dgm:if>
            <dgm:else name="Name8">
              <dgm:shape xmlns:r="http://schemas.openxmlformats.org/officeDocument/2006/relationships" type="leftArrow" r:blip="">
                <dgm:adjLst>
                  <dgm:adj idx="1" val="0.7"/>
                  <dgm:adj idx="2" val="0.5"/>
                </dgm:adjLst>
              </dgm:shape>
            </dgm:else>
          </dgm:choose>
          <dgm:presOf axis="des" ptType="node"/>
          <dgm:constrLst/>
          <dgm:ruleLst/>
        </dgm:layoutNode>
        <dgm:layoutNode name="childTextHidden" styleLbl="bgAccFollowNode1">
          <dgm:choose name="Name9">
            <dgm:if name="Name10" axis="des followSib" ptType="node node" st="1 1" cnt="1 0" func="cnt" op="gte" val="1">
              <dgm:alg type="tx">
                <dgm:param type="stBulletLvl" val="1"/>
                <dgm:param type="txAnchorVertCh" val="mid"/>
              </dgm:alg>
            </dgm:if>
            <dgm:else name="Name11">
              <dgm:alg type="tx">
                <dgm:param type="stBulletLvl" val="2"/>
                <dgm:param type="txAnchorVertCh" val="mid"/>
              </dgm:alg>
            </dgm:else>
          </dgm:choose>
          <dgm:choose name="Name12">
            <dgm:if name="Name13" func="var" arg="dir" op="equ" val="norm">
              <dgm:shape xmlns:r="http://schemas.openxmlformats.org/officeDocument/2006/relationships" type="rightArrow" r:blip="" hideGeom="1">
                <dgm:adjLst>
                  <dgm:adj idx="1" val="0.7"/>
                  <dgm:adj idx="2" val="0.5"/>
                </dgm:adjLst>
              </dgm:shape>
            </dgm:if>
            <dgm:else name="Name14">
              <dgm:shape xmlns:r="http://schemas.openxmlformats.org/officeDocument/2006/relationships" type="leftArrow" r:blip="" hideGeom="1">
                <dgm:adjLst>
                  <dgm:adj idx="1" val="0.7"/>
                  <dgm:adj idx="2" val="0.5"/>
                </dgm:adjLst>
              </dgm:shape>
            </dgm:else>
          </dgm:choose>
          <dgm:presOf axis="des" ptType="node"/>
          <dgm:constrLst>
            <dgm:constr type="secFontSz" refType="primFontSz"/>
            <dgm:constr type="tMarg" refType="primFontSz" fact="0.05"/>
            <dgm:constr type="bMarg" refType="primFontSz" fact="0.05"/>
            <dgm:constr type="rMarg" refType="primFontSz" fact="0.1"/>
            <dgm:constr type="lMarg" refType="primFontSz" fact="0.2"/>
          </dgm:constrLst>
          <dgm:ruleLst>
            <dgm:rule type="primFontSz" val="5" fact="NaN" max="NaN"/>
          </dgm:ruleLst>
        </dgm:layoutNode>
        <dgm:layoutNode name="parentText" styleLbl="node1">
          <dgm:varLst>
            <dgm:chMax val="1"/>
            <dgm:bulletEnabled val="1"/>
          </dgm:varLst>
          <dgm:alg type="tx"/>
          <dgm:shape xmlns:r="http://schemas.openxmlformats.org/officeDocument/2006/relationships" type="ellipse" r:blip="">
            <dgm:adjLst/>
          </dgm:shape>
          <dgm:presOf axis="self"/>
          <dgm:constrLst>
            <dgm:constr type="primFontSz" val="65"/>
            <dgm:constr type="tMarg" refType="primFontSz" fact="0.05"/>
            <dgm:constr type="bMarg" refType="primFontSz" fact="0.05"/>
            <dgm:constr type="lMarg" refType="primFontSz" fact="0.05"/>
            <dgm:constr type="rMarg" refType="primFontSz" fact="0.05"/>
          </dgm:constrLst>
          <dgm:ruleLst>
            <dgm:rule type="primFontSz" val="5" fact="NaN" max="NaN"/>
          </dgm:ruleLst>
        </dgm:layoutNode>
      </dgm:layoutNode>
      <dgm:choose name="Name15">
        <dgm:if name="Name16" axis="self" ptType="node" func="revPos" op="gte" val="2">
          <dgm:layoutNode name="a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17"/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ierarchy3">
  <dgm:title val=""/>
  <dgm:desc val=""/>
  <dgm:catLst>
    <dgm:cat type="hierarchy" pri="7000"/>
    <dgm:cat type="list" pri="23000"/>
    <dgm:cat type="relationship" pri="15000"/>
    <dgm:cat type="convert" pri="7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</dgm:ptLst>
      <dgm:cxnLst>
        <dgm:cxn modelId="4" srcId="0" destId="1" srcOrd="0" destOrd="0"/>
        <dgm:cxn modelId="5" srcId="1" destId="11" srcOrd="0" destOrd="0"/>
        <dgm:cxn modelId="6" srcId="1" destId="12" srcOrd="1" destOrd="0"/>
        <dgm:cxn modelId="7" srcId="0" destId="2" srcOrd="1" destOrd="0"/>
        <dgm:cxn modelId="8" srcId="2" destId="21" srcOrd="0" destOrd="0"/>
        <dgm:cxn modelId="9" srcId="2" destId="2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diagram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rootText" op="equ" val="65"/>
      <dgm:constr type="primFontSz" for="des" forName="childText" op="equ" val="65"/>
      <dgm:constr type="w" for="des" forName="rootComposite" refType="w"/>
      <dgm:constr type="h" for="des" forName="rootComposite" refType="w" fact="0.5"/>
      <dgm:constr type="w" for="des" forName="childText" refType="w" refFor="des" refForName="rootComposite" fact="0.8"/>
      <dgm:constr type="h" for="des" forName="childText" refType="h" refFor="des" refForName="rootComposite"/>
      <dgm:constr type="sibSp" refType="w" refFor="des" refForName="rootComposite" fact="0.25"/>
      <dgm:constr type="sibSp" for="des" forName="childShape" refType="h" refFor="des" refForName="childText" fact="0.25"/>
      <dgm:constr type="sp" for="des" forName="root" refType="h" refFor="des" refForName="childText" fact="0.25"/>
    </dgm:constrLst>
    <dgm:ruleLst/>
    <dgm:forEach name="Name3" axis="ch">
      <dgm:forEach name="Name4" axis="self" ptType="node" cnt="1">
        <dgm:layoutNode name="root">
          <dgm:choose name="Name5">
            <dgm:if name="Name6" func="var" arg="dir" op="equ" val="norm">
              <dgm:alg type="hierRoot">
                <dgm:param type="hierAlign" val="tL"/>
              </dgm:alg>
            </dgm:if>
            <dgm:else name="Name7">
              <dgm:alg type="hierRoot">
                <dgm:param type="hierAlign" val="tR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>
            <dgm:constr type="alignOff" val="0.2"/>
          </dgm:constrLst>
          <dgm:ruleLst/>
          <dgm:layoutNode name="rootComposite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8">
              <dgm:if name="Name9" func="var" arg="dir" op="equ" val="norm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l" for="ch" forName="rootConnector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if>
              <dgm:else name="Name10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r" for="ch" forName="rootConnector" refType="w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else>
            </dgm:choose>
            <dgm:ruleLst/>
            <dgm:layoutNode name="rootText" styleLbl="node1"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 ptType="node" cnt="1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</dgm:ruleLst>
            </dgm:layoutNode>
            <dgm:layoutNode name="rootConnector" moveWith="rootText">
              <dgm:alg type="sp"/>
              <dgm:shape xmlns:r="http://schemas.openxmlformats.org/officeDocument/2006/relationships" type="roundRect" r:blip="" hideGeom="1">
                <dgm:adjLst>
                  <dgm:adj idx="1" val="0.1"/>
                </dgm:adjLst>
              </dgm:shape>
              <dgm:presOf axis="self" ptType="node" cnt="1"/>
              <dgm:constrLst/>
              <dgm:ruleLst/>
            </dgm:layoutNode>
          </dgm:layoutNode>
          <dgm:layoutNode name="childShape">
            <dgm:alg type="hierChild">
              <dgm:param type="chAlign" val="l"/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11" axis="ch">
              <dgm:forEach name="Name12" axis="self" ptType="parTrans" cnt="1">
                <dgm:layoutNode name="Name13">
                  <dgm:choose name="Name14">
                    <dgm:if name="Name15" func="var" arg="dir" op="equ" val="norm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L"/>
                      </dgm:alg>
                    </dgm:if>
                    <dgm:else name="Name16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R"/>
                      </dgm:alg>
                    </dgm:else>
                  </dgm:choose>
                  <dgm:shape xmlns:r="http://schemas.openxmlformats.org/officeDocument/2006/relationships" type="conn" r:blip="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7" axis="self" ptType="node">
                <dgm:layoutNode name="childText" styleLbl="bgAcc1">
                  <dgm:varLst>
                    <dgm:bulletEnabled val="1"/>
                  </dgm:varLst>
                  <dgm:alg type="tx"/>
                  <dgm:shape xmlns:r="http://schemas.openxmlformats.org/officeDocument/2006/relationships" type="roundRect" r:blip="">
                    <dgm:adjLst>
                      <dgm:adj idx="1" val="0.1"/>
                    </dgm:adjLst>
                  </dgm:shape>
                  <dgm:presOf axis="self desOrSelf" ptType="node node" st="1 1" cnt="1 0"/>
                  <dgm:constrLst>
                    <dgm:constr type="tMarg" refType="primFontSz" fact="0.1"/>
                    <dgm:constr type="bMarg" refType="primFontSz" fact="0.1"/>
                    <dgm:constr type="lMarg" refType="primFontSz" fact="0.15"/>
                    <dgm:constr type="rMarg" refType="primFontSz" fact="0.15"/>
                  </dgm:constrLst>
                  <dgm:ruleLst>
                    <dgm:rule type="primFontSz" val="5" fact="NaN" max="NaN"/>
                  </dgm:ruleLst>
                </dgm:layoutNode>
              </dgm:forEach>
            </dgm:forEach>
          </dgm:layoutNode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8/layout/PictureStrips">
  <dgm:title val=""/>
  <dgm:desc val=""/>
  <dgm:catLst>
    <dgm:cat type="list" pri="12500"/>
    <dgm:cat type="picture" pri="13000"/>
    <dgm:cat type="pictureconvert" pri="13000"/>
  </dgm:catLst>
  <dgm:samp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</dgm:ptLst>
      <dgm:cxnLst>
        <dgm:cxn modelId="40" srcId="0" destId="10" srcOrd="0" destOrd="0"/>
        <dgm:cxn modelId="50" srcId="0" destId="20" srcOrd="1" destOrd="0"/>
        <dgm:cxn modelId="60" srcId="0" destId="30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40" srcId="0" destId="10" srcOrd="0" destOrd="0"/>
        <dgm:cxn modelId="5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40" srcId="0" destId="10" srcOrd="0" destOrd="0"/>
        <dgm:cxn modelId="50" srcId="0" destId="20" srcOrd="1" destOrd="0"/>
        <dgm:cxn modelId="60" srcId="0" destId="30" srcOrd="2" destOrd="0"/>
        <dgm:cxn modelId="70" srcId="0" destId="40" srcOrd="2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snake">
          <dgm:param type="off" val="ctr"/>
        </dgm:alg>
      </dgm:if>
      <dgm:else name="Name3">
        <dgm:alg type="snake">
          <dgm:param type="off" val="ctr"/>
          <dgm:param type="grDir" val="tR"/>
        </dgm:alg>
      </dgm:else>
    </dgm:choose>
    <dgm:shape xmlns:r="http://schemas.openxmlformats.org/officeDocument/2006/relationships" r:blip="">
      <dgm:adjLst/>
    </dgm:shape>
    <dgm:constrLst>
      <dgm:constr type="primFontSz" for="des" ptType="node" op="equ" val="65"/>
      <dgm:constr type="w" for="ch" forName="composite" refType="w"/>
      <dgm:constr type="h" for="ch" forName="composite" refType="h"/>
      <dgm:constr type="sp" refType="h" refFor="ch" refForName="composite" op="equ" fact="0.1"/>
      <dgm:constr type="h" for="ch" forName="sibTrans" refType="h" refFor="ch" refForName="composite" op="equ" fact="0.1"/>
      <dgm:constr type="w" for="ch" forName="sibTrans" refType="h" refFor="ch" refForName="sibTrans" op="equ"/>
    </dgm:constrLst>
    <dgm:forEach name="nodesForEach" axis="ch" ptType="node">
      <dgm:layoutNode name="composite">
        <dgm:alg type="composite">
          <dgm:param type="ar" val="3"/>
        </dgm:alg>
        <dgm:shape xmlns:r="http://schemas.openxmlformats.org/officeDocument/2006/relationships" r:blip="">
          <dgm:adjLst/>
        </dgm:shape>
        <dgm:choose name="Name4">
          <dgm:if name="Name5" func="var" arg="dir" op="equ" val="norm">
            <dgm:constrLst>
              <dgm:constr type="l" for="ch" forName="rect1" refType="w" fact="0.04"/>
              <dgm:constr type="t" for="ch" forName="rect1" refType="h" fact="0.13"/>
              <dgm:constr type="w" for="ch" forName="rect1" refType="w" fact="0.96"/>
              <dgm:constr type="h" for="ch" forName="rect1" refType="h" fact="0.9"/>
              <dgm:constr type="l" for="ch" forName="rect2" refType="w" fact="0"/>
              <dgm:constr type="t" for="ch" forName="rect2" refType="h" fact="0"/>
              <dgm:constr type="w" for="ch" forName="rect2" refType="w" fact="0.21"/>
              <dgm:constr type="h" for="ch" forName="rect2" refType="w" fact="0.315"/>
            </dgm:constrLst>
          </dgm:if>
          <dgm:else name="Name6">
            <dgm:constrLst>
              <dgm:constr type="l" for="ch" forName="rect1" refType="w" fact="0"/>
              <dgm:constr type="t" for="ch" forName="rect1" refType="h" fact="0.13"/>
              <dgm:constr type="w" for="ch" forName="rect1" refType="w" fact="0.96"/>
              <dgm:constr type="h" for="ch" forName="rect1" refType="h" fact="0.9"/>
              <dgm:constr type="l" for="ch" forName="rect2" refType="w" fact="0.79"/>
              <dgm:constr type="t" for="ch" forName="rect2" refType="h" fact="0"/>
              <dgm:constr type="w" for="ch" forName="rect2" refType="w" fact="0.21"/>
              <dgm:constr type="h" for="ch" forName="rect2" refType="w" fact="0.315"/>
            </dgm:constrLst>
          </dgm:else>
        </dgm:choose>
        <dgm:layoutNode name="rect1" styleLbl="trAlignAcc1">
          <dgm:varLst>
            <dgm:bulletEnabled val="1"/>
          </dgm:varLst>
          <dgm:alg type="tx">
            <dgm:param type="parTxLTRAlign" val="l"/>
          </dgm:alg>
          <dgm:shape xmlns:r="http://schemas.openxmlformats.org/officeDocument/2006/relationships" type="rect" r:blip="">
            <dgm:adjLst/>
          </dgm:shape>
          <dgm:presOf axis="desOrSelf" ptType="node"/>
          <dgm:choose name="Name7">
            <dgm:if name="Name8" func="var" arg="dir" op="equ" val="norm">
              <dgm:constrLst>
                <dgm:constr type="lMarg" refType="w" fact="0.6"/>
                <dgm:constr type="rMarg" refType="primFontSz" fact="0.3"/>
                <dgm:constr type="tMarg" refType="primFontSz" fact="0.3"/>
                <dgm:constr type="bMarg" refType="primFontSz" fact="0.3"/>
              </dgm:constrLst>
            </dgm:if>
            <dgm:else name="Name9">
              <dgm:constrLst>
                <dgm:constr type="lMarg" refType="primFontSz" fact="0.3"/>
                <dgm:constr type="rMarg" refType="w" fact="0.6"/>
                <dgm:constr type="tMarg" refType="primFontSz" fact="0.3"/>
                <dgm:constr type="bMarg" refType="primFontSz" fact="0.3"/>
              </dgm:constrLst>
            </dgm:else>
          </dgm:choose>
          <dgm:ruleLst>
            <dgm:rule type="primFontSz" val="5" fact="NaN" max="NaN"/>
          </dgm:ruleLst>
        </dgm:layoutNode>
        <dgm:layoutNode name="rect2" styleLbl="fgImgPlace1">
          <dgm:alg type="sp"/>
          <dgm:shape xmlns:r="http://schemas.openxmlformats.org/officeDocument/2006/relationships" type="rect" r:blip="" blipPhldr="1">
            <dgm:adjLst/>
          </dgm:shape>
          <dgm:presOf/>
        </dgm:layoutNode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ntestazion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it-IT"/>
          </a:p>
        </p:txBody>
      </p:sp>
      <p:sp>
        <p:nvSpPr>
          <p:cNvPr id="3" name="Segnaposto dat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C14DC9F-AC33-46E4-A946-F174FB618F09}" type="datetimeFigureOut">
              <a:rPr lang="it-IT" smtClean="0"/>
              <a:t>19/03/2024</a:t>
            </a:fld>
            <a:endParaRPr lang="it-IT"/>
          </a:p>
        </p:txBody>
      </p:sp>
      <p:sp>
        <p:nvSpPr>
          <p:cNvPr id="4" name="Segnaposto immagin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it-IT"/>
          </a:p>
        </p:txBody>
      </p:sp>
      <p:sp>
        <p:nvSpPr>
          <p:cNvPr id="5" name="Segnaposto note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it-IT"/>
              <a:t>Fare clic per modificare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6" name="Segnaposto piè di pa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it-IT"/>
          </a:p>
        </p:txBody>
      </p:sp>
      <p:sp>
        <p:nvSpPr>
          <p:cNvPr id="7" name="Segnaposto numero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9E89B9F-7E38-4559-8CEB-3A9C98D072DB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96379913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© Copyright </a:t>
            </a:r>
            <a:r>
              <a:rPr lang="en-US" b="1"/>
              <a:t>PresentationGO.com</a:t>
            </a:r>
            <a:r>
              <a:rPr lang="en-US"/>
              <a:t> – The free PowerPoint template librar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8D2766-C49B-4C1A-9FEE-6F146754B02B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172292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93CB8AB4-E29E-0D91-7093-21724EB39EB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ottotitolo 2">
            <a:extLst>
              <a:ext uri="{FF2B5EF4-FFF2-40B4-BE49-F238E27FC236}">
                <a16:creationId xmlns:a16="http://schemas.microsoft.com/office/drawing/2014/main" id="{AAE6A92A-409F-B63F-F120-055F954A5E6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it-IT"/>
              <a:t>Fare clic per modificare lo stile del sottotitolo dello schema</a:t>
            </a:r>
          </a:p>
        </p:txBody>
      </p:sp>
      <p:sp>
        <p:nvSpPr>
          <p:cNvPr id="4" name="Segnaposto data 3">
            <a:extLst>
              <a:ext uri="{FF2B5EF4-FFF2-40B4-BE49-F238E27FC236}">
                <a16:creationId xmlns:a16="http://schemas.microsoft.com/office/drawing/2014/main" id="{8F40AD87-E87F-E846-8A37-1E602440DD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69D976-3FB8-4D4A-B514-9B0CB18F0D3C}" type="datetime1">
              <a:rPr lang="it-IT" smtClean="0"/>
              <a:t>19/03/2024</a:t>
            </a:fld>
            <a:endParaRPr lang="it-IT" dirty="0"/>
          </a:p>
        </p:txBody>
      </p:sp>
      <p:sp>
        <p:nvSpPr>
          <p:cNvPr id="5" name="Segnaposto piè di pagina 4">
            <a:extLst>
              <a:ext uri="{FF2B5EF4-FFF2-40B4-BE49-F238E27FC236}">
                <a16:creationId xmlns:a16="http://schemas.microsoft.com/office/drawing/2014/main" id="{01318637-0945-5298-2EB1-2FB5BF3B2E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371016854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olo e testo vertic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C0C5C69A-A8EF-072C-E66E-03A7AC7AACD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egnaposto testo verticale 2">
            <a:extLst>
              <a:ext uri="{FF2B5EF4-FFF2-40B4-BE49-F238E27FC236}">
                <a16:creationId xmlns:a16="http://schemas.microsoft.com/office/drawing/2014/main" id="{A4CA5F12-F2A6-1DDF-DA8A-6B4DCE5CA3B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it-IT"/>
              <a:t>Fare clic per modificare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4" name="Segnaposto data 3">
            <a:extLst>
              <a:ext uri="{FF2B5EF4-FFF2-40B4-BE49-F238E27FC236}">
                <a16:creationId xmlns:a16="http://schemas.microsoft.com/office/drawing/2014/main" id="{E347A458-C00D-20F6-7067-27A8B31E58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FD9A06-39D1-478C-B01E-371710FA5297}" type="datetime1">
              <a:rPr lang="it-IT" smtClean="0"/>
              <a:t>19/03/2024</a:t>
            </a:fld>
            <a:endParaRPr lang="it-IT"/>
          </a:p>
        </p:txBody>
      </p:sp>
      <p:sp>
        <p:nvSpPr>
          <p:cNvPr id="5" name="Segnaposto piè di pagina 4">
            <a:extLst>
              <a:ext uri="{FF2B5EF4-FFF2-40B4-BE49-F238E27FC236}">
                <a16:creationId xmlns:a16="http://schemas.microsoft.com/office/drawing/2014/main" id="{D5F0089C-4636-2A0C-C0DF-8899B107A5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egnaposto numero diapositiva 5">
            <a:extLst>
              <a:ext uri="{FF2B5EF4-FFF2-40B4-BE49-F238E27FC236}">
                <a16:creationId xmlns:a16="http://schemas.microsoft.com/office/drawing/2014/main" id="{E9B15563-EECF-D4C0-3BD2-232CE28727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BFBE60BE-7F90-4303-BC7C-FCEB9708C6C6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15697629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1_Titolo e testo vertic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verticale 1">
            <a:extLst>
              <a:ext uri="{FF2B5EF4-FFF2-40B4-BE49-F238E27FC236}">
                <a16:creationId xmlns:a16="http://schemas.microsoft.com/office/drawing/2014/main" id="{3C10F877-77B2-DE69-F492-40D01A8F55A4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  <a:prstGeom prst="rect">
            <a:avLst/>
          </a:prstGeom>
        </p:spPr>
        <p:txBody>
          <a:bodyPr vert="eaVert"/>
          <a:lstStyle/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egnaposto testo verticale 2">
            <a:extLst>
              <a:ext uri="{FF2B5EF4-FFF2-40B4-BE49-F238E27FC236}">
                <a16:creationId xmlns:a16="http://schemas.microsoft.com/office/drawing/2014/main" id="{639545FD-F105-814D-2603-B71F133B8E4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it-IT"/>
              <a:t>Fare clic per modificare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4" name="Segnaposto data 3">
            <a:extLst>
              <a:ext uri="{FF2B5EF4-FFF2-40B4-BE49-F238E27FC236}">
                <a16:creationId xmlns:a16="http://schemas.microsoft.com/office/drawing/2014/main" id="{2EB2FDC7-9CC1-F53F-7248-6263C1678CE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66535D-1BED-4B57-95E9-9AEA7D0C107A}" type="datetime1">
              <a:rPr lang="it-IT" smtClean="0"/>
              <a:t>19/03/2024</a:t>
            </a:fld>
            <a:endParaRPr lang="it-IT"/>
          </a:p>
        </p:txBody>
      </p:sp>
      <p:sp>
        <p:nvSpPr>
          <p:cNvPr id="5" name="Segnaposto piè di pagina 4">
            <a:extLst>
              <a:ext uri="{FF2B5EF4-FFF2-40B4-BE49-F238E27FC236}">
                <a16:creationId xmlns:a16="http://schemas.microsoft.com/office/drawing/2014/main" id="{8903D80C-A159-DAC3-3217-C96F01DC6F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egnaposto numero diapositiva 5">
            <a:extLst>
              <a:ext uri="{FF2B5EF4-FFF2-40B4-BE49-F238E27FC236}">
                <a16:creationId xmlns:a16="http://schemas.microsoft.com/office/drawing/2014/main" id="{592B3F06-0AB6-9210-7E0C-8D3C407771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BFBE60BE-7F90-4303-BC7C-FCEB9708C6C6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28651166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yout personalizza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A7DC52D8-C90F-1057-9DCB-E812D39CF4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egnaposto data 2">
            <a:extLst>
              <a:ext uri="{FF2B5EF4-FFF2-40B4-BE49-F238E27FC236}">
                <a16:creationId xmlns:a16="http://schemas.microsoft.com/office/drawing/2014/main" id="{2747168B-CAE7-5970-5872-BF2ADD391C4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D0C871-3FDF-4FBA-B380-A344533C1AE0}" type="datetime1">
              <a:rPr lang="it-IT" smtClean="0"/>
              <a:t>19/03/2024</a:t>
            </a:fld>
            <a:endParaRPr lang="it-IT"/>
          </a:p>
        </p:txBody>
      </p:sp>
      <p:sp>
        <p:nvSpPr>
          <p:cNvPr id="4" name="Segnaposto piè di pagina 3">
            <a:extLst>
              <a:ext uri="{FF2B5EF4-FFF2-40B4-BE49-F238E27FC236}">
                <a16:creationId xmlns:a16="http://schemas.microsoft.com/office/drawing/2014/main" id="{E4A62826-1C2C-A4B4-4B16-B10ACE0E15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5" name="Segnaposto numero diapositiva 4">
            <a:extLst>
              <a:ext uri="{FF2B5EF4-FFF2-40B4-BE49-F238E27FC236}">
                <a16:creationId xmlns:a16="http://schemas.microsoft.com/office/drawing/2014/main" id="{C1B468B0-488E-7EA7-593F-03ACC552FB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BFBE60BE-7F90-4303-BC7C-FCEB9708C6C6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64227966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A0907B43-A5B3-AB68-46C3-39B6039FD77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ottotitolo 2">
            <a:extLst>
              <a:ext uri="{FF2B5EF4-FFF2-40B4-BE49-F238E27FC236}">
                <a16:creationId xmlns:a16="http://schemas.microsoft.com/office/drawing/2014/main" id="{83ED9B3B-F92E-A5ED-5433-5134F4210EC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it-IT"/>
              <a:t>Fare clic per modificare lo stile del sottotitolo dello schema</a:t>
            </a:r>
          </a:p>
        </p:txBody>
      </p:sp>
      <p:sp>
        <p:nvSpPr>
          <p:cNvPr id="4" name="Segnaposto data 3">
            <a:extLst>
              <a:ext uri="{FF2B5EF4-FFF2-40B4-BE49-F238E27FC236}">
                <a16:creationId xmlns:a16="http://schemas.microsoft.com/office/drawing/2014/main" id="{C901612E-4A9C-43FD-D503-376BCA0D65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5F0890-1BA2-44C2-BE66-0AC69800E6CB}" type="datetime1">
              <a:rPr lang="it-IT" smtClean="0"/>
              <a:t>19/03/2024</a:t>
            </a:fld>
            <a:endParaRPr lang="it-IT"/>
          </a:p>
        </p:txBody>
      </p:sp>
      <p:sp>
        <p:nvSpPr>
          <p:cNvPr id="5" name="Segnaposto piè di pagina 4">
            <a:extLst>
              <a:ext uri="{FF2B5EF4-FFF2-40B4-BE49-F238E27FC236}">
                <a16:creationId xmlns:a16="http://schemas.microsoft.com/office/drawing/2014/main" id="{CF5364F3-D045-1DAB-47BB-992001A7F9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egnaposto numero diapositiva 5">
            <a:extLst>
              <a:ext uri="{FF2B5EF4-FFF2-40B4-BE49-F238E27FC236}">
                <a16:creationId xmlns:a16="http://schemas.microsoft.com/office/drawing/2014/main" id="{3B657726-02B9-6E4A-8175-28C8D63F2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761900C0-103C-4814-AC0B-C52E499B2D7C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85298389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olo e contenu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878326B6-3887-EDF5-7ED5-ED5A2F229C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egnaposto contenuto 2">
            <a:extLst>
              <a:ext uri="{FF2B5EF4-FFF2-40B4-BE49-F238E27FC236}">
                <a16:creationId xmlns:a16="http://schemas.microsoft.com/office/drawing/2014/main" id="{5E4E9CE1-B72F-2D3A-DD73-BE802F0A436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it-IT" dirty="0"/>
              <a:t>Fare clic per modificare gli stili del testo dello schema</a:t>
            </a:r>
          </a:p>
          <a:p>
            <a:pPr lvl="1"/>
            <a:r>
              <a:rPr lang="it-IT" dirty="0"/>
              <a:t>Secondo livello</a:t>
            </a:r>
          </a:p>
          <a:p>
            <a:pPr lvl="2"/>
            <a:r>
              <a:rPr lang="it-IT" dirty="0"/>
              <a:t>Terzo livello</a:t>
            </a:r>
          </a:p>
          <a:p>
            <a:pPr lvl="3"/>
            <a:r>
              <a:rPr lang="it-IT" dirty="0"/>
              <a:t>Quarto livello</a:t>
            </a:r>
          </a:p>
          <a:p>
            <a:pPr lvl="4"/>
            <a:r>
              <a:rPr lang="it-IT" dirty="0"/>
              <a:t>Quinto livello</a:t>
            </a:r>
          </a:p>
        </p:txBody>
      </p:sp>
      <p:sp>
        <p:nvSpPr>
          <p:cNvPr id="4" name="Segnaposto data 3">
            <a:extLst>
              <a:ext uri="{FF2B5EF4-FFF2-40B4-BE49-F238E27FC236}">
                <a16:creationId xmlns:a16="http://schemas.microsoft.com/office/drawing/2014/main" id="{563599FC-FC2C-B294-2AFC-6C62875A35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F82F83-97C6-45E4-BAD2-090E9545F270}" type="datetime1">
              <a:rPr lang="it-IT" smtClean="0"/>
              <a:t>19/03/2024</a:t>
            </a:fld>
            <a:endParaRPr lang="it-IT"/>
          </a:p>
        </p:txBody>
      </p:sp>
      <p:sp>
        <p:nvSpPr>
          <p:cNvPr id="5" name="Segnaposto piè di pagina 4">
            <a:extLst>
              <a:ext uri="{FF2B5EF4-FFF2-40B4-BE49-F238E27FC236}">
                <a16:creationId xmlns:a16="http://schemas.microsoft.com/office/drawing/2014/main" id="{C38CBEDB-1443-574F-29F1-180B2D67B3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egnaposto numero diapositiva 5">
            <a:extLst>
              <a:ext uri="{FF2B5EF4-FFF2-40B4-BE49-F238E27FC236}">
                <a16:creationId xmlns:a16="http://schemas.microsoft.com/office/drawing/2014/main" id="{96081E4F-1C2D-14D8-801A-9691734393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761900C0-103C-4814-AC0B-C52E499B2D7C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424756553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yout personalizza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0B404DA5-451D-08C2-E05B-CA428B44E7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egnaposto data 2">
            <a:extLst>
              <a:ext uri="{FF2B5EF4-FFF2-40B4-BE49-F238E27FC236}">
                <a16:creationId xmlns:a16="http://schemas.microsoft.com/office/drawing/2014/main" id="{5B15BC0C-95C3-5774-580B-334D7BA86F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231CB6-2FBE-48C1-9470-CE9B88F1685D}" type="datetime1">
              <a:rPr lang="it-IT" smtClean="0"/>
              <a:t>19/03/2024</a:t>
            </a:fld>
            <a:endParaRPr lang="it-IT" dirty="0"/>
          </a:p>
        </p:txBody>
      </p:sp>
      <p:sp>
        <p:nvSpPr>
          <p:cNvPr id="4" name="Segnaposto piè di pagina 3">
            <a:extLst>
              <a:ext uri="{FF2B5EF4-FFF2-40B4-BE49-F238E27FC236}">
                <a16:creationId xmlns:a16="http://schemas.microsoft.com/office/drawing/2014/main" id="{653B2624-8AB2-0E7C-6E35-8EDE420350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306574136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Intestazione sezio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58D4447E-D3EA-8086-403A-FDF77F86668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  <a:prstGeom prst="rect">
            <a:avLst/>
          </a:prstGeom>
        </p:spPr>
        <p:txBody>
          <a:bodyPr anchor="b"/>
          <a:lstStyle>
            <a:lvl1pPr>
              <a:defRPr sz="6000"/>
            </a:lvl1pPr>
          </a:lstStyle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egnaposto testo 2">
            <a:extLst>
              <a:ext uri="{FF2B5EF4-FFF2-40B4-BE49-F238E27FC236}">
                <a16:creationId xmlns:a16="http://schemas.microsoft.com/office/drawing/2014/main" id="{0DF0416C-2ED1-8F6C-4ACD-2F4942C5CDC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it-IT"/>
              <a:t>Fare clic per modificare gli stili del testo dello schema</a:t>
            </a:r>
          </a:p>
        </p:txBody>
      </p:sp>
      <p:sp>
        <p:nvSpPr>
          <p:cNvPr id="4" name="Segnaposto data 3">
            <a:extLst>
              <a:ext uri="{FF2B5EF4-FFF2-40B4-BE49-F238E27FC236}">
                <a16:creationId xmlns:a16="http://schemas.microsoft.com/office/drawing/2014/main" id="{E6714F6D-A211-D56E-5442-E8E84BC9F9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5D8228-9BC8-44BC-B387-61C28101C7A1}" type="datetime1">
              <a:rPr lang="it-IT" smtClean="0"/>
              <a:t>19/03/2024</a:t>
            </a:fld>
            <a:endParaRPr lang="it-IT"/>
          </a:p>
        </p:txBody>
      </p:sp>
      <p:sp>
        <p:nvSpPr>
          <p:cNvPr id="5" name="Segnaposto piè di pagina 4">
            <a:extLst>
              <a:ext uri="{FF2B5EF4-FFF2-40B4-BE49-F238E27FC236}">
                <a16:creationId xmlns:a16="http://schemas.microsoft.com/office/drawing/2014/main" id="{3057EC53-E8DF-4DE4-6417-C10060884A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egnaposto numero diapositiva 5">
            <a:extLst>
              <a:ext uri="{FF2B5EF4-FFF2-40B4-BE49-F238E27FC236}">
                <a16:creationId xmlns:a16="http://schemas.microsoft.com/office/drawing/2014/main" id="{BDF3E907-9385-2723-BB88-0AA58E74F3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761900C0-103C-4814-AC0B-C52E499B2D7C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48965270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ue contenu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36B3C040-7E1D-AE8B-4AC6-89BE327353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egnaposto contenuto 2">
            <a:extLst>
              <a:ext uri="{FF2B5EF4-FFF2-40B4-BE49-F238E27FC236}">
                <a16:creationId xmlns:a16="http://schemas.microsoft.com/office/drawing/2014/main" id="{670A9DBC-7C6A-89D4-E645-E4AAE9142C9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it-IT"/>
              <a:t>Fare clic per modificare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4" name="Segnaposto contenuto 3">
            <a:extLst>
              <a:ext uri="{FF2B5EF4-FFF2-40B4-BE49-F238E27FC236}">
                <a16:creationId xmlns:a16="http://schemas.microsoft.com/office/drawing/2014/main" id="{D2182321-D8D1-E0BA-ABB3-4C73E9B23E1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it-IT"/>
              <a:t>Fare clic per modificare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5" name="Segnaposto data 4">
            <a:extLst>
              <a:ext uri="{FF2B5EF4-FFF2-40B4-BE49-F238E27FC236}">
                <a16:creationId xmlns:a16="http://schemas.microsoft.com/office/drawing/2014/main" id="{76CB42E4-AFB9-C3A2-06AE-A7ED642136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600B19-F994-42A7-9B02-A5C18CD0BFDD}" type="datetime1">
              <a:rPr lang="it-IT" smtClean="0"/>
              <a:t>19/03/2024</a:t>
            </a:fld>
            <a:endParaRPr lang="it-IT"/>
          </a:p>
        </p:txBody>
      </p:sp>
      <p:sp>
        <p:nvSpPr>
          <p:cNvPr id="6" name="Segnaposto piè di pagina 5">
            <a:extLst>
              <a:ext uri="{FF2B5EF4-FFF2-40B4-BE49-F238E27FC236}">
                <a16:creationId xmlns:a16="http://schemas.microsoft.com/office/drawing/2014/main" id="{3314B02F-C9F4-CAFB-7041-B5AA73B557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egnaposto numero diapositiva 6">
            <a:extLst>
              <a:ext uri="{FF2B5EF4-FFF2-40B4-BE49-F238E27FC236}">
                <a16:creationId xmlns:a16="http://schemas.microsoft.com/office/drawing/2014/main" id="{60BF3BCF-7F16-1B56-CE82-FE3BE2F5422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761900C0-103C-4814-AC0B-C52E499B2D7C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86425379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nfron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574232CF-70EC-52D6-DC5E-2180F7E384E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egnaposto testo 2">
            <a:extLst>
              <a:ext uri="{FF2B5EF4-FFF2-40B4-BE49-F238E27FC236}">
                <a16:creationId xmlns:a16="http://schemas.microsoft.com/office/drawing/2014/main" id="{4D28CC4B-6D3F-13F9-1EA9-B4B21059BB0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Fare clic per modificare gli stili del testo dello schema</a:t>
            </a:r>
          </a:p>
        </p:txBody>
      </p:sp>
      <p:sp>
        <p:nvSpPr>
          <p:cNvPr id="4" name="Segnaposto contenuto 3">
            <a:extLst>
              <a:ext uri="{FF2B5EF4-FFF2-40B4-BE49-F238E27FC236}">
                <a16:creationId xmlns:a16="http://schemas.microsoft.com/office/drawing/2014/main" id="{56DE5FFF-0FC9-EB0D-A68A-58B42DE7CDC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it-IT"/>
              <a:t>Fare clic per modificare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5" name="Segnaposto testo 4">
            <a:extLst>
              <a:ext uri="{FF2B5EF4-FFF2-40B4-BE49-F238E27FC236}">
                <a16:creationId xmlns:a16="http://schemas.microsoft.com/office/drawing/2014/main" id="{B17C9408-4AC1-711A-7024-DBE0A8A4FAB6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Fare clic per modificare gli stili del testo dello schema</a:t>
            </a:r>
          </a:p>
        </p:txBody>
      </p:sp>
      <p:sp>
        <p:nvSpPr>
          <p:cNvPr id="6" name="Segnaposto contenuto 5">
            <a:extLst>
              <a:ext uri="{FF2B5EF4-FFF2-40B4-BE49-F238E27FC236}">
                <a16:creationId xmlns:a16="http://schemas.microsoft.com/office/drawing/2014/main" id="{91692B88-50A0-7E74-DDAC-3617AF0CF81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it-IT"/>
              <a:t>Fare clic per modificare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7" name="Segnaposto data 6">
            <a:extLst>
              <a:ext uri="{FF2B5EF4-FFF2-40B4-BE49-F238E27FC236}">
                <a16:creationId xmlns:a16="http://schemas.microsoft.com/office/drawing/2014/main" id="{E3EF566E-2568-57CD-0DD0-C4EA4DE4C4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2CEB819-256D-418D-A1A0-EA4BE4AC6B63}" type="datetime1">
              <a:rPr lang="it-IT" smtClean="0"/>
              <a:t>19/03/2024</a:t>
            </a:fld>
            <a:endParaRPr lang="it-IT"/>
          </a:p>
        </p:txBody>
      </p:sp>
      <p:sp>
        <p:nvSpPr>
          <p:cNvPr id="8" name="Segnaposto piè di pagina 7">
            <a:extLst>
              <a:ext uri="{FF2B5EF4-FFF2-40B4-BE49-F238E27FC236}">
                <a16:creationId xmlns:a16="http://schemas.microsoft.com/office/drawing/2014/main" id="{2EE691A3-615F-090D-819B-5A31CF942ED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9" name="Segnaposto numero diapositiva 8">
            <a:extLst>
              <a:ext uri="{FF2B5EF4-FFF2-40B4-BE49-F238E27FC236}">
                <a16:creationId xmlns:a16="http://schemas.microsoft.com/office/drawing/2014/main" id="{7E8EB155-979B-1EC6-2CC9-356B74E366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761900C0-103C-4814-AC0B-C52E499B2D7C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64738906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4D9E13AE-7520-0658-E835-402138E0FB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egnaposto data 2">
            <a:extLst>
              <a:ext uri="{FF2B5EF4-FFF2-40B4-BE49-F238E27FC236}">
                <a16:creationId xmlns:a16="http://schemas.microsoft.com/office/drawing/2014/main" id="{22BD2F06-9FD3-BEB8-54BB-CD50E81E9B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76E231-32A1-49BC-A898-F1A8FB938050}" type="datetime1">
              <a:rPr lang="it-IT" smtClean="0"/>
              <a:t>19/03/2024</a:t>
            </a:fld>
            <a:endParaRPr lang="it-IT"/>
          </a:p>
        </p:txBody>
      </p:sp>
      <p:sp>
        <p:nvSpPr>
          <p:cNvPr id="4" name="Segnaposto piè di pagina 3">
            <a:extLst>
              <a:ext uri="{FF2B5EF4-FFF2-40B4-BE49-F238E27FC236}">
                <a16:creationId xmlns:a16="http://schemas.microsoft.com/office/drawing/2014/main" id="{B29A6FC2-041E-4555-8F64-F690B762635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5" name="Segnaposto numero diapositiva 4">
            <a:extLst>
              <a:ext uri="{FF2B5EF4-FFF2-40B4-BE49-F238E27FC236}">
                <a16:creationId xmlns:a16="http://schemas.microsoft.com/office/drawing/2014/main" id="{14EF7908-CF40-C6F5-1A6E-EC49D93956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761900C0-103C-4814-AC0B-C52E499B2D7C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28205514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olo e contenu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E12BB53C-A581-4D67-9AB4-78A80C729A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egnaposto contenuto 2">
            <a:extLst>
              <a:ext uri="{FF2B5EF4-FFF2-40B4-BE49-F238E27FC236}">
                <a16:creationId xmlns:a16="http://schemas.microsoft.com/office/drawing/2014/main" id="{BAA79F66-EDF6-29E4-8668-23C52CA13E5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it-IT"/>
              <a:t>Fare clic per modificare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4" name="Segnaposto data 3">
            <a:extLst>
              <a:ext uri="{FF2B5EF4-FFF2-40B4-BE49-F238E27FC236}">
                <a16:creationId xmlns:a16="http://schemas.microsoft.com/office/drawing/2014/main" id="{DE8100E0-EDB3-F055-9907-89E6652E04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67A52A-5439-407C-ABFC-F3351224D346}" type="datetime1">
              <a:rPr lang="it-IT" smtClean="0"/>
              <a:t>19/03/2024</a:t>
            </a:fld>
            <a:endParaRPr lang="it-IT"/>
          </a:p>
        </p:txBody>
      </p:sp>
      <p:sp>
        <p:nvSpPr>
          <p:cNvPr id="5" name="Segnaposto piè di pagina 4">
            <a:extLst>
              <a:ext uri="{FF2B5EF4-FFF2-40B4-BE49-F238E27FC236}">
                <a16:creationId xmlns:a16="http://schemas.microsoft.com/office/drawing/2014/main" id="{361DE134-0E19-2053-73D9-C15564E179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egnaposto numero diapositiva 5">
            <a:extLst>
              <a:ext uri="{FF2B5EF4-FFF2-40B4-BE49-F238E27FC236}">
                <a16:creationId xmlns:a16="http://schemas.microsoft.com/office/drawing/2014/main" id="{7553C9BF-30C9-FA11-FE90-E171F13B475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BFBE60BE-7F90-4303-BC7C-FCEB9708C6C6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51856103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data 1">
            <a:extLst>
              <a:ext uri="{FF2B5EF4-FFF2-40B4-BE49-F238E27FC236}">
                <a16:creationId xmlns:a16="http://schemas.microsoft.com/office/drawing/2014/main" id="{AC09A92D-D6E8-3C0B-AE48-C3CA3636ECC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6B158F-4A36-49B9-9300-811B8DC29F7A}" type="datetime1">
              <a:rPr lang="it-IT" smtClean="0"/>
              <a:t>19/03/2024</a:t>
            </a:fld>
            <a:endParaRPr lang="it-IT"/>
          </a:p>
        </p:txBody>
      </p:sp>
      <p:sp>
        <p:nvSpPr>
          <p:cNvPr id="3" name="Segnaposto piè di pagina 2">
            <a:extLst>
              <a:ext uri="{FF2B5EF4-FFF2-40B4-BE49-F238E27FC236}">
                <a16:creationId xmlns:a16="http://schemas.microsoft.com/office/drawing/2014/main" id="{6B44CB00-F265-2C35-B922-F9A31BE754F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4" name="Segnaposto numero diapositiva 3">
            <a:extLst>
              <a:ext uri="{FF2B5EF4-FFF2-40B4-BE49-F238E27FC236}">
                <a16:creationId xmlns:a16="http://schemas.microsoft.com/office/drawing/2014/main" id="{0CAA4B92-A328-58CE-7D4B-ED85CF2F5A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761900C0-103C-4814-AC0B-C52E499B2D7C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88661363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to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4FB854E7-3F18-A93A-27E5-F7A06C78C1C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  <a:prstGeom prst="rect">
            <a:avLst/>
          </a:prstGeom>
        </p:spPr>
        <p:txBody>
          <a:bodyPr anchor="b"/>
          <a:lstStyle>
            <a:lvl1pPr>
              <a:defRPr sz="3200"/>
            </a:lvl1pPr>
          </a:lstStyle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egnaposto contenuto 2">
            <a:extLst>
              <a:ext uri="{FF2B5EF4-FFF2-40B4-BE49-F238E27FC236}">
                <a16:creationId xmlns:a16="http://schemas.microsoft.com/office/drawing/2014/main" id="{49D57ECA-7806-E993-87B3-A8024ED572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  <a:prstGeom prst="rect">
            <a:avLst/>
          </a:prstGeo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it-IT"/>
              <a:t>Fare clic per modificare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4" name="Segnaposto testo 3">
            <a:extLst>
              <a:ext uri="{FF2B5EF4-FFF2-40B4-BE49-F238E27FC236}">
                <a16:creationId xmlns:a16="http://schemas.microsoft.com/office/drawing/2014/main" id="{382DEA50-3EB9-25C2-2992-F020F81F2EF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it-IT"/>
              <a:t>Fare clic per modificare gli stili del testo dello schema</a:t>
            </a:r>
          </a:p>
        </p:txBody>
      </p:sp>
      <p:sp>
        <p:nvSpPr>
          <p:cNvPr id="5" name="Segnaposto data 4">
            <a:extLst>
              <a:ext uri="{FF2B5EF4-FFF2-40B4-BE49-F238E27FC236}">
                <a16:creationId xmlns:a16="http://schemas.microsoft.com/office/drawing/2014/main" id="{EB5F2697-C754-89DD-50C3-B2928DAF7D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E58DAA-FFFB-4736-A885-99EF84FC6DFA}" type="datetime1">
              <a:rPr lang="it-IT" smtClean="0"/>
              <a:t>19/03/2024</a:t>
            </a:fld>
            <a:endParaRPr lang="it-IT"/>
          </a:p>
        </p:txBody>
      </p:sp>
      <p:sp>
        <p:nvSpPr>
          <p:cNvPr id="6" name="Segnaposto piè di pagina 5">
            <a:extLst>
              <a:ext uri="{FF2B5EF4-FFF2-40B4-BE49-F238E27FC236}">
                <a16:creationId xmlns:a16="http://schemas.microsoft.com/office/drawing/2014/main" id="{EA29B5CC-79CE-D047-E59D-C80807C6A0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egnaposto numero diapositiva 6">
            <a:extLst>
              <a:ext uri="{FF2B5EF4-FFF2-40B4-BE49-F238E27FC236}">
                <a16:creationId xmlns:a16="http://schemas.microsoft.com/office/drawing/2014/main" id="{9568562D-7F3E-CB03-E7D8-90AA16D69C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761900C0-103C-4814-AC0B-C52E499B2D7C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54093656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magine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C449186E-2BCC-13EC-6B61-AC9B4C375FD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  <a:prstGeom prst="rect">
            <a:avLst/>
          </a:prstGeom>
        </p:spPr>
        <p:txBody>
          <a:bodyPr anchor="b"/>
          <a:lstStyle>
            <a:lvl1pPr>
              <a:defRPr sz="3200"/>
            </a:lvl1pPr>
          </a:lstStyle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egnaposto immagine 2">
            <a:extLst>
              <a:ext uri="{FF2B5EF4-FFF2-40B4-BE49-F238E27FC236}">
                <a16:creationId xmlns:a16="http://schemas.microsoft.com/office/drawing/2014/main" id="{4D05685B-E3D6-ADD4-9546-5927361C6D3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it-IT"/>
          </a:p>
        </p:txBody>
      </p:sp>
      <p:sp>
        <p:nvSpPr>
          <p:cNvPr id="4" name="Segnaposto testo 3">
            <a:extLst>
              <a:ext uri="{FF2B5EF4-FFF2-40B4-BE49-F238E27FC236}">
                <a16:creationId xmlns:a16="http://schemas.microsoft.com/office/drawing/2014/main" id="{BB0EA2BF-33C8-6D03-E060-2B0DAEFE0E0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it-IT"/>
              <a:t>Fare clic per modificare gli stili del testo dello schema</a:t>
            </a:r>
          </a:p>
        </p:txBody>
      </p:sp>
      <p:sp>
        <p:nvSpPr>
          <p:cNvPr id="5" name="Segnaposto data 4">
            <a:extLst>
              <a:ext uri="{FF2B5EF4-FFF2-40B4-BE49-F238E27FC236}">
                <a16:creationId xmlns:a16="http://schemas.microsoft.com/office/drawing/2014/main" id="{A7F745FE-A04A-3771-EC6A-5754E05852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F5FA4B-4EA0-49F7-9E25-7B3783E11B63}" type="datetime1">
              <a:rPr lang="it-IT" smtClean="0"/>
              <a:t>19/03/2024</a:t>
            </a:fld>
            <a:endParaRPr lang="it-IT"/>
          </a:p>
        </p:txBody>
      </p:sp>
      <p:sp>
        <p:nvSpPr>
          <p:cNvPr id="6" name="Segnaposto piè di pagina 5">
            <a:extLst>
              <a:ext uri="{FF2B5EF4-FFF2-40B4-BE49-F238E27FC236}">
                <a16:creationId xmlns:a16="http://schemas.microsoft.com/office/drawing/2014/main" id="{DC349095-C02E-37F6-9E34-4D117EA6865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egnaposto numero diapositiva 6">
            <a:extLst>
              <a:ext uri="{FF2B5EF4-FFF2-40B4-BE49-F238E27FC236}">
                <a16:creationId xmlns:a16="http://schemas.microsoft.com/office/drawing/2014/main" id="{294C55CD-99EC-C7CA-2D8C-CC7CD8E2DD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761900C0-103C-4814-AC0B-C52E499B2D7C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84838465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olo e testo vertic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6AFA9F87-C5E1-E051-1D9F-2EF9B43550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egnaposto testo verticale 2">
            <a:extLst>
              <a:ext uri="{FF2B5EF4-FFF2-40B4-BE49-F238E27FC236}">
                <a16:creationId xmlns:a16="http://schemas.microsoft.com/office/drawing/2014/main" id="{78AB444C-EC32-08BD-1EC2-3A23B06BFBF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it-IT"/>
              <a:t>Fare clic per modificare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4" name="Segnaposto data 3">
            <a:extLst>
              <a:ext uri="{FF2B5EF4-FFF2-40B4-BE49-F238E27FC236}">
                <a16:creationId xmlns:a16="http://schemas.microsoft.com/office/drawing/2014/main" id="{6EC0D507-4393-33DA-6EF9-E729FBB8B06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29A29F-704E-41B1-B4AE-1D4625341419}" type="datetime1">
              <a:rPr lang="it-IT" smtClean="0"/>
              <a:t>19/03/2024</a:t>
            </a:fld>
            <a:endParaRPr lang="it-IT"/>
          </a:p>
        </p:txBody>
      </p:sp>
      <p:sp>
        <p:nvSpPr>
          <p:cNvPr id="5" name="Segnaposto piè di pagina 4">
            <a:extLst>
              <a:ext uri="{FF2B5EF4-FFF2-40B4-BE49-F238E27FC236}">
                <a16:creationId xmlns:a16="http://schemas.microsoft.com/office/drawing/2014/main" id="{2B45F25C-56CC-D1D0-633B-CC2635186C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egnaposto numero diapositiva 5">
            <a:extLst>
              <a:ext uri="{FF2B5EF4-FFF2-40B4-BE49-F238E27FC236}">
                <a16:creationId xmlns:a16="http://schemas.microsoft.com/office/drawing/2014/main" id="{76411D3E-1DDA-DEC0-8C8A-9CB3510A82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761900C0-103C-4814-AC0B-C52E499B2D7C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87121146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1_Titolo e testo vertic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verticale 1">
            <a:extLst>
              <a:ext uri="{FF2B5EF4-FFF2-40B4-BE49-F238E27FC236}">
                <a16:creationId xmlns:a16="http://schemas.microsoft.com/office/drawing/2014/main" id="{E12A7470-9F19-075E-BBFD-D8372336845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  <a:prstGeom prst="rect">
            <a:avLst/>
          </a:prstGeom>
        </p:spPr>
        <p:txBody>
          <a:bodyPr vert="eaVert"/>
          <a:lstStyle/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egnaposto testo verticale 2">
            <a:extLst>
              <a:ext uri="{FF2B5EF4-FFF2-40B4-BE49-F238E27FC236}">
                <a16:creationId xmlns:a16="http://schemas.microsoft.com/office/drawing/2014/main" id="{5678E434-5A1E-48B7-379A-BA859C2EBD8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it-IT"/>
              <a:t>Fare clic per modificare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4" name="Segnaposto data 3">
            <a:extLst>
              <a:ext uri="{FF2B5EF4-FFF2-40B4-BE49-F238E27FC236}">
                <a16:creationId xmlns:a16="http://schemas.microsoft.com/office/drawing/2014/main" id="{852CF723-92BD-9AD9-8E40-248B69CD3D9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8B67CC-D879-47E2-8A33-0AD51CFC15B2}" type="datetime1">
              <a:rPr lang="it-IT" smtClean="0"/>
              <a:t>19/03/2024</a:t>
            </a:fld>
            <a:endParaRPr lang="it-IT"/>
          </a:p>
        </p:txBody>
      </p:sp>
      <p:sp>
        <p:nvSpPr>
          <p:cNvPr id="5" name="Segnaposto piè di pagina 4">
            <a:extLst>
              <a:ext uri="{FF2B5EF4-FFF2-40B4-BE49-F238E27FC236}">
                <a16:creationId xmlns:a16="http://schemas.microsoft.com/office/drawing/2014/main" id="{B1694717-6FA7-9DBF-68EB-B62C3531CC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egnaposto numero diapositiva 5">
            <a:extLst>
              <a:ext uri="{FF2B5EF4-FFF2-40B4-BE49-F238E27FC236}">
                <a16:creationId xmlns:a16="http://schemas.microsoft.com/office/drawing/2014/main" id="{D9563C61-8B71-CB8A-36B8-9BAC7D72DE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761900C0-103C-4814-AC0B-C52E499B2D7C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8990560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Intestazione sezio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AED6C34E-A5DA-48D1-5BAB-7744F271FD8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  <a:prstGeom prst="rect">
            <a:avLst/>
          </a:prstGeom>
        </p:spPr>
        <p:txBody>
          <a:bodyPr anchor="b"/>
          <a:lstStyle>
            <a:lvl1pPr>
              <a:defRPr sz="6000"/>
            </a:lvl1pPr>
          </a:lstStyle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egnaposto testo 2">
            <a:extLst>
              <a:ext uri="{FF2B5EF4-FFF2-40B4-BE49-F238E27FC236}">
                <a16:creationId xmlns:a16="http://schemas.microsoft.com/office/drawing/2014/main" id="{9F281E17-8D81-6669-8093-FAC1C9432B1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it-IT"/>
              <a:t>Fare clic per modificare gli stili del testo dello schema</a:t>
            </a:r>
          </a:p>
        </p:txBody>
      </p:sp>
      <p:sp>
        <p:nvSpPr>
          <p:cNvPr id="4" name="Segnaposto data 3">
            <a:extLst>
              <a:ext uri="{FF2B5EF4-FFF2-40B4-BE49-F238E27FC236}">
                <a16:creationId xmlns:a16="http://schemas.microsoft.com/office/drawing/2014/main" id="{FB6A728D-A93F-A174-BC83-D3CBEBD4D1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5285C3-B0EF-4942-8936-873B4B2EDB2B}" type="datetime1">
              <a:rPr lang="it-IT" smtClean="0"/>
              <a:t>19/03/2024</a:t>
            </a:fld>
            <a:endParaRPr lang="it-IT"/>
          </a:p>
        </p:txBody>
      </p:sp>
      <p:sp>
        <p:nvSpPr>
          <p:cNvPr id="5" name="Segnaposto piè di pagina 4">
            <a:extLst>
              <a:ext uri="{FF2B5EF4-FFF2-40B4-BE49-F238E27FC236}">
                <a16:creationId xmlns:a16="http://schemas.microsoft.com/office/drawing/2014/main" id="{CC421BAE-7AD5-4B63-71DD-706C1FC437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egnaposto numero diapositiva 5">
            <a:extLst>
              <a:ext uri="{FF2B5EF4-FFF2-40B4-BE49-F238E27FC236}">
                <a16:creationId xmlns:a16="http://schemas.microsoft.com/office/drawing/2014/main" id="{C0B8EA83-A1BC-63C9-B32A-9799477A4B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BFBE60BE-7F90-4303-BC7C-FCEB9708C6C6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17810433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ue contenu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97118027-321D-E36E-1DF6-495DA7FCE31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egnaposto contenuto 2">
            <a:extLst>
              <a:ext uri="{FF2B5EF4-FFF2-40B4-BE49-F238E27FC236}">
                <a16:creationId xmlns:a16="http://schemas.microsoft.com/office/drawing/2014/main" id="{FF891472-B1FC-24EA-E568-F7330DA2503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it-IT"/>
              <a:t>Fare clic per modificare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4" name="Segnaposto contenuto 3">
            <a:extLst>
              <a:ext uri="{FF2B5EF4-FFF2-40B4-BE49-F238E27FC236}">
                <a16:creationId xmlns:a16="http://schemas.microsoft.com/office/drawing/2014/main" id="{684F3A7A-D463-4DB2-B41E-18C8E5CB685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it-IT"/>
              <a:t>Fare clic per modificare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5" name="Segnaposto data 4">
            <a:extLst>
              <a:ext uri="{FF2B5EF4-FFF2-40B4-BE49-F238E27FC236}">
                <a16:creationId xmlns:a16="http://schemas.microsoft.com/office/drawing/2014/main" id="{C292D8D7-9143-251F-DD2F-0ADCAECF5A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32C117-952C-45BA-99C5-BB5613C583B3}" type="datetime1">
              <a:rPr lang="it-IT" smtClean="0"/>
              <a:t>19/03/2024</a:t>
            </a:fld>
            <a:endParaRPr lang="it-IT"/>
          </a:p>
        </p:txBody>
      </p:sp>
      <p:sp>
        <p:nvSpPr>
          <p:cNvPr id="6" name="Segnaposto piè di pagina 5">
            <a:extLst>
              <a:ext uri="{FF2B5EF4-FFF2-40B4-BE49-F238E27FC236}">
                <a16:creationId xmlns:a16="http://schemas.microsoft.com/office/drawing/2014/main" id="{7072FFC5-3E09-8EC6-7B6E-2CEDE626DD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egnaposto numero diapositiva 6">
            <a:extLst>
              <a:ext uri="{FF2B5EF4-FFF2-40B4-BE49-F238E27FC236}">
                <a16:creationId xmlns:a16="http://schemas.microsoft.com/office/drawing/2014/main" id="{B484A6A9-EBFD-913F-0270-472D3CE870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BFBE60BE-7F90-4303-BC7C-FCEB9708C6C6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53230411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nfron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3B393877-638A-B7D8-D3EB-DDBDB01984D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egnaposto testo 2">
            <a:extLst>
              <a:ext uri="{FF2B5EF4-FFF2-40B4-BE49-F238E27FC236}">
                <a16:creationId xmlns:a16="http://schemas.microsoft.com/office/drawing/2014/main" id="{47EACE21-413D-340D-C7B9-9BD5ED168AE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Fare clic per modificare gli stili del testo dello schema</a:t>
            </a:r>
          </a:p>
        </p:txBody>
      </p:sp>
      <p:sp>
        <p:nvSpPr>
          <p:cNvPr id="4" name="Segnaposto contenuto 3">
            <a:extLst>
              <a:ext uri="{FF2B5EF4-FFF2-40B4-BE49-F238E27FC236}">
                <a16:creationId xmlns:a16="http://schemas.microsoft.com/office/drawing/2014/main" id="{8EFB0985-5474-12F2-1BBE-D4C75215831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it-IT"/>
              <a:t>Fare clic per modificare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5" name="Segnaposto testo 4">
            <a:extLst>
              <a:ext uri="{FF2B5EF4-FFF2-40B4-BE49-F238E27FC236}">
                <a16:creationId xmlns:a16="http://schemas.microsoft.com/office/drawing/2014/main" id="{3FACD5E0-5DB3-14C9-8390-CFC401DB1D9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Fare clic per modificare gli stili del testo dello schema</a:t>
            </a:r>
          </a:p>
        </p:txBody>
      </p:sp>
      <p:sp>
        <p:nvSpPr>
          <p:cNvPr id="6" name="Segnaposto contenuto 5">
            <a:extLst>
              <a:ext uri="{FF2B5EF4-FFF2-40B4-BE49-F238E27FC236}">
                <a16:creationId xmlns:a16="http://schemas.microsoft.com/office/drawing/2014/main" id="{1465A692-3F32-08BC-3952-40A076B91B8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it-IT"/>
              <a:t>Fare clic per modificare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7" name="Segnaposto data 6">
            <a:extLst>
              <a:ext uri="{FF2B5EF4-FFF2-40B4-BE49-F238E27FC236}">
                <a16:creationId xmlns:a16="http://schemas.microsoft.com/office/drawing/2014/main" id="{D0A29260-AFB0-A941-407D-153315A237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8C62AA-3E7A-4267-BC64-220A95D4DEC5}" type="datetime1">
              <a:rPr lang="it-IT" smtClean="0"/>
              <a:t>19/03/2024</a:t>
            </a:fld>
            <a:endParaRPr lang="it-IT"/>
          </a:p>
        </p:txBody>
      </p:sp>
      <p:sp>
        <p:nvSpPr>
          <p:cNvPr id="8" name="Segnaposto piè di pagina 7">
            <a:extLst>
              <a:ext uri="{FF2B5EF4-FFF2-40B4-BE49-F238E27FC236}">
                <a16:creationId xmlns:a16="http://schemas.microsoft.com/office/drawing/2014/main" id="{C95C7FB1-7E53-AB5D-F00E-60898BE2729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9" name="Segnaposto numero diapositiva 8">
            <a:extLst>
              <a:ext uri="{FF2B5EF4-FFF2-40B4-BE49-F238E27FC236}">
                <a16:creationId xmlns:a16="http://schemas.microsoft.com/office/drawing/2014/main" id="{96445CE4-4D08-C736-0CF6-447534B1369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BFBE60BE-7F90-4303-BC7C-FCEB9708C6C6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5056406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098522DB-9FD3-D057-48C2-F6C7804A5E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egnaposto data 2">
            <a:extLst>
              <a:ext uri="{FF2B5EF4-FFF2-40B4-BE49-F238E27FC236}">
                <a16:creationId xmlns:a16="http://schemas.microsoft.com/office/drawing/2014/main" id="{476D0538-FD96-A788-8D07-27F80E03E7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1C2FE8-E7F7-4EA9-9D2A-6330C7F30ECF}" type="datetime1">
              <a:rPr lang="it-IT" smtClean="0"/>
              <a:t>19/03/2024</a:t>
            </a:fld>
            <a:endParaRPr lang="it-IT"/>
          </a:p>
        </p:txBody>
      </p:sp>
      <p:sp>
        <p:nvSpPr>
          <p:cNvPr id="4" name="Segnaposto piè di pagina 3">
            <a:extLst>
              <a:ext uri="{FF2B5EF4-FFF2-40B4-BE49-F238E27FC236}">
                <a16:creationId xmlns:a16="http://schemas.microsoft.com/office/drawing/2014/main" id="{1D68B8B4-AAD3-BE73-0E06-8E826C6329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5" name="Segnaposto numero diapositiva 4">
            <a:extLst>
              <a:ext uri="{FF2B5EF4-FFF2-40B4-BE49-F238E27FC236}">
                <a16:creationId xmlns:a16="http://schemas.microsoft.com/office/drawing/2014/main" id="{CDA85807-7D2C-3A58-7332-84A315EAA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BFBE60BE-7F90-4303-BC7C-FCEB9708C6C6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52304426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data 1">
            <a:extLst>
              <a:ext uri="{FF2B5EF4-FFF2-40B4-BE49-F238E27FC236}">
                <a16:creationId xmlns:a16="http://schemas.microsoft.com/office/drawing/2014/main" id="{6E3CB5C1-6DF9-EC13-B506-56F564172F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C7E42A-0701-4E2C-93FF-283A3F493108}" type="datetime1">
              <a:rPr lang="it-IT" smtClean="0"/>
              <a:t>19/03/2024</a:t>
            </a:fld>
            <a:endParaRPr lang="it-IT"/>
          </a:p>
        </p:txBody>
      </p:sp>
      <p:sp>
        <p:nvSpPr>
          <p:cNvPr id="3" name="Segnaposto piè di pagina 2">
            <a:extLst>
              <a:ext uri="{FF2B5EF4-FFF2-40B4-BE49-F238E27FC236}">
                <a16:creationId xmlns:a16="http://schemas.microsoft.com/office/drawing/2014/main" id="{DFB6CB71-840D-04CE-B512-9F4ED59EA0B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4" name="Segnaposto numero diapositiva 3">
            <a:extLst>
              <a:ext uri="{FF2B5EF4-FFF2-40B4-BE49-F238E27FC236}">
                <a16:creationId xmlns:a16="http://schemas.microsoft.com/office/drawing/2014/main" id="{98E2B84E-7A8F-494B-9771-8173C0F9B2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BFBE60BE-7F90-4303-BC7C-FCEB9708C6C6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82851117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to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8416A32E-179E-8145-DC81-84BEBF8E7E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  <a:prstGeom prst="rect">
            <a:avLst/>
          </a:prstGeom>
        </p:spPr>
        <p:txBody>
          <a:bodyPr anchor="b"/>
          <a:lstStyle>
            <a:lvl1pPr>
              <a:defRPr sz="3200"/>
            </a:lvl1pPr>
          </a:lstStyle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egnaposto contenuto 2">
            <a:extLst>
              <a:ext uri="{FF2B5EF4-FFF2-40B4-BE49-F238E27FC236}">
                <a16:creationId xmlns:a16="http://schemas.microsoft.com/office/drawing/2014/main" id="{15E67F80-4247-0A8D-E45D-C84FD41F060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  <a:prstGeom prst="rect">
            <a:avLst/>
          </a:prstGeo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it-IT"/>
              <a:t>Fare clic per modificare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4" name="Segnaposto testo 3">
            <a:extLst>
              <a:ext uri="{FF2B5EF4-FFF2-40B4-BE49-F238E27FC236}">
                <a16:creationId xmlns:a16="http://schemas.microsoft.com/office/drawing/2014/main" id="{2D37531E-5B21-04A5-B53B-03DCBCD0272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it-IT"/>
              <a:t>Fare clic per modificare gli stili del testo dello schema</a:t>
            </a:r>
          </a:p>
        </p:txBody>
      </p:sp>
      <p:sp>
        <p:nvSpPr>
          <p:cNvPr id="5" name="Segnaposto data 4">
            <a:extLst>
              <a:ext uri="{FF2B5EF4-FFF2-40B4-BE49-F238E27FC236}">
                <a16:creationId xmlns:a16="http://schemas.microsoft.com/office/drawing/2014/main" id="{DA48CF7E-1B07-8453-8599-5B64EEADC9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8C7BC0-B523-42E0-94D3-272E38202253}" type="datetime1">
              <a:rPr lang="it-IT" smtClean="0"/>
              <a:t>19/03/2024</a:t>
            </a:fld>
            <a:endParaRPr lang="it-IT"/>
          </a:p>
        </p:txBody>
      </p:sp>
      <p:sp>
        <p:nvSpPr>
          <p:cNvPr id="6" name="Segnaposto piè di pagina 5">
            <a:extLst>
              <a:ext uri="{FF2B5EF4-FFF2-40B4-BE49-F238E27FC236}">
                <a16:creationId xmlns:a16="http://schemas.microsoft.com/office/drawing/2014/main" id="{CF7485D1-4DE5-D6FB-FA70-E6981C11E78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egnaposto numero diapositiva 6">
            <a:extLst>
              <a:ext uri="{FF2B5EF4-FFF2-40B4-BE49-F238E27FC236}">
                <a16:creationId xmlns:a16="http://schemas.microsoft.com/office/drawing/2014/main" id="{304ED6B5-517A-65F2-B9C4-3D97EBC005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BFBE60BE-7F90-4303-BC7C-FCEB9708C6C6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15204104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magine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54DFCA44-1F1B-47A3-085C-1EFD4E25671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  <a:prstGeom prst="rect">
            <a:avLst/>
          </a:prstGeom>
        </p:spPr>
        <p:txBody>
          <a:bodyPr anchor="b"/>
          <a:lstStyle>
            <a:lvl1pPr>
              <a:defRPr sz="3200"/>
            </a:lvl1pPr>
          </a:lstStyle>
          <a:p>
            <a:r>
              <a:rPr lang="it-IT"/>
              <a:t>Fare clic per modificare lo stile del titolo dello schema</a:t>
            </a:r>
          </a:p>
        </p:txBody>
      </p:sp>
      <p:sp>
        <p:nvSpPr>
          <p:cNvPr id="3" name="Segnaposto immagine 2">
            <a:extLst>
              <a:ext uri="{FF2B5EF4-FFF2-40B4-BE49-F238E27FC236}">
                <a16:creationId xmlns:a16="http://schemas.microsoft.com/office/drawing/2014/main" id="{981D5FCD-9DAA-95EF-24FD-6FA3FD1B310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it-IT"/>
          </a:p>
        </p:txBody>
      </p:sp>
      <p:sp>
        <p:nvSpPr>
          <p:cNvPr id="4" name="Segnaposto testo 3">
            <a:extLst>
              <a:ext uri="{FF2B5EF4-FFF2-40B4-BE49-F238E27FC236}">
                <a16:creationId xmlns:a16="http://schemas.microsoft.com/office/drawing/2014/main" id="{D0213AB2-C72C-59DA-488C-046DEB30222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it-IT"/>
              <a:t>Fare clic per modificare gli stili del testo dello schema</a:t>
            </a:r>
          </a:p>
        </p:txBody>
      </p:sp>
      <p:sp>
        <p:nvSpPr>
          <p:cNvPr id="5" name="Segnaposto data 4">
            <a:extLst>
              <a:ext uri="{FF2B5EF4-FFF2-40B4-BE49-F238E27FC236}">
                <a16:creationId xmlns:a16="http://schemas.microsoft.com/office/drawing/2014/main" id="{672A1CF4-5F2F-8320-E098-C0950E337C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0E82AA-F729-44E0-96D7-543F0EE5FD90}" type="datetime1">
              <a:rPr lang="it-IT" smtClean="0"/>
              <a:t>19/03/2024</a:t>
            </a:fld>
            <a:endParaRPr lang="it-IT"/>
          </a:p>
        </p:txBody>
      </p:sp>
      <p:sp>
        <p:nvSpPr>
          <p:cNvPr id="6" name="Segnaposto piè di pagina 5">
            <a:extLst>
              <a:ext uri="{FF2B5EF4-FFF2-40B4-BE49-F238E27FC236}">
                <a16:creationId xmlns:a16="http://schemas.microsoft.com/office/drawing/2014/main" id="{B5EEB535-4ECE-EBF3-7EED-7CAE3A0A23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egnaposto numero diapositiva 6">
            <a:extLst>
              <a:ext uri="{FF2B5EF4-FFF2-40B4-BE49-F238E27FC236}">
                <a16:creationId xmlns:a16="http://schemas.microsoft.com/office/drawing/2014/main" id="{16061F63-06C5-E92C-A953-583D7431D7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BFBE60BE-7F90-4303-BC7C-FCEB9708C6C6}" type="slidenum">
              <a:rPr lang="it-IT" smtClean="0"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44927352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slideLayout" Target="../slideLayouts/slideLayout24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5" Type="http://schemas.openxmlformats.org/officeDocument/2006/relationships/image" Target="../media/image2.png"/><Relationship Id="rId10" Type="http://schemas.openxmlformats.org/officeDocument/2006/relationships/slideLayout" Target="../slideLayouts/slideLayout2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Relationship Id="rId14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>
            <a:lumMod val="75000"/>
            <a:alpha val="2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egnaposto data 3">
            <a:extLst>
              <a:ext uri="{FF2B5EF4-FFF2-40B4-BE49-F238E27FC236}">
                <a16:creationId xmlns:a16="http://schemas.microsoft.com/office/drawing/2014/main" id="{9AB44FA6-A0F7-BE38-D5EF-58AA26D065A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B0782B3-D5CB-4BD2-8F64-AB0CEC0C05BD}" type="datetime1">
              <a:rPr lang="it-IT" smtClean="0"/>
              <a:t>19/03/2024</a:t>
            </a:fld>
            <a:endParaRPr lang="it-IT" dirty="0"/>
          </a:p>
        </p:txBody>
      </p:sp>
      <p:sp>
        <p:nvSpPr>
          <p:cNvPr id="5" name="Segnaposto piè di pagina 4">
            <a:extLst>
              <a:ext uri="{FF2B5EF4-FFF2-40B4-BE49-F238E27FC236}">
                <a16:creationId xmlns:a16="http://schemas.microsoft.com/office/drawing/2014/main" id="{F672E7C5-ECA8-AA11-5C98-02239CC2ED2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31596586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hf sldNum="0" hdr="0" ft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it-IT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>
            <a:lumMod val="75000"/>
            <a:alpha val="2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egnaposto data 3">
            <a:extLst>
              <a:ext uri="{FF2B5EF4-FFF2-40B4-BE49-F238E27FC236}">
                <a16:creationId xmlns:a16="http://schemas.microsoft.com/office/drawing/2014/main" id="{0346202A-A66B-81AE-DF09-75A6ECA6DDD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B8EBC7-0E48-4BBA-B1D4-931B5BE15733}" type="datetime1">
              <a:rPr lang="it-IT" smtClean="0"/>
              <a:t>19/03/2024</a:t>
            </a:fld>
            <a:endParaRPr lang="it-IT" dirty="0"/>
          </a:p>
        </p:txBody>
      </p:sp>
      <p:sp>
        <p:nvSpPr>
          <p:cNvPr id="5" name="Segnaposto piè di pagina 4">
            <a:extLst>
              <a:ext uri="{FF2B5EF4-FFF2-40B4-BE49-F238E27FC236}">
                <a16:creationId xmlns:a16="http://schemas.microsoft.com/office/drawing/2014/main" id="{AC4E1E96-4FCC-C51D-5DE8-96FEBC64C48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it-IT" dirty="0"/>
          </a:p>
        </p:txBody>
      </p:sp>
      <p:pic>
        <p:nvPicPr>
          <p:cNvPr id="15" name="Immagine 14">
            <a:extLst>
              <a:ext uri="{FF2B5EF4-FFF2-40B4-BE49-F238E27FC236}">
                <a16:creationId xmlns:a16="http://schemas.microsoft.com/office/drawing/2014/main" id="{ED328F23-43F0-46C6-E3D4-53E20712652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4"/>
          <a:srcRect t="18274" b="13376"/>
          <a:stretch/>
        </p:blipFill>
        <p:spPr>
          <a:xfrm>
            <a:off x="9908458" y="5760350"/>
            <a:ext cx="2271252" cy="1097650"/>
          </a:xfrm>
          <a:prstGeom prst="rect">
            <a:avLst/>
          </a:prstGeom>
        </p:spPr>
      </p:pic>
      <p:pic>
        <p:nvPicPr>
          <p:cNvPr id="7" name="Immagine 6">
            <a:extLst>
              <a:ext uri="{FF2B5EF4-FFF2-40B4-BE49-F238E27FC236}">
                <a16:creationId xmlns:a16="http://schemas.microsoft.com/office/drawing/2014/main" id="{2D0FC8AC-A908-C168-4645-ECB880B6C51C}"/>
              </a:ext>
            </a:extLst>
          </p:cNvPr>
          <p:cNvPicPr>
            <a:picLocks noChangeAspect="1"/>
          </p:cNvPicPr>
          <p:nvPr userDrawn="1"/>
        </p:nvPicPr>
        <p:blipFill>
          <a:blip r:embed="rId15"/>
          <a:stretch>
            <a:fillRect/>
          </a:stretch>
        </p:blipFill>
        <p:spPr>
          <a:xfrm>
            <a:off x="8417178" y="5807525"/>
            <a:ext cx="1562236" cy="10976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6157950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7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</p:sldLayoutIdLst>
  <p:hf sldNum="0" hdr="0" ft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it-IT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14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svg"/><Relationship Id="rId3" Type="http://schemas.openxmlformats.org/officeDocument/2006/relationships/diagramLayout" Target="../diagrams/layout1.xml"/><Relationship Id="rId7" Type="http://schemas.openxmlformats.org/officeDocument/2006/relationships/image" Target="../media/image7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0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svg"/><Relationship Id="rId3" Type="http://schemas.openxmlformats.org/officeDocument/2006/relationships/diagramLayout" Target="../diagrams/layout2.xml"/><Relationship Id="rId7" Type="http://schemas.openxmlformats.org/officeDocument/2006/relationships/image" Target="../media/image9.png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0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svg"/><Relationship Id="rId3" Type="http://schemas.openxmlformats.org/officeDocument/2006/relationships/diagramLayout" Target="../diagrams/layout3.xml"/><Relationship Id="rId7" Type="http://schemas.openxmlformats.org/officeDocument/2006/relationships/image" Target="../media/image17.png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0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svg"/><Relationship Id="rId3" Type="http://schemas.openxmlformats.org/officeDocument/2006/relationships/diagramLayout" Target="../diagrams/layout4.xml"/><Relationship Id="rId7" Type="http://schemas.openxmlformats.org/officeDocument/2006/relationships/image" Target="../media/image19.png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20.xml"/><Relationship Id="rId6" Type="http://schemas.microsoft.com/office/2007/relationships/diagramDrawing" Target="../diagrams/drawing4.xml"/><Relationship Id="rId5" Type="http://schemas.openxmlformats.org/officeDocument/2006/relationships/diagramColors" Target="../diagrams/colors4.xml"/><Relationship Id="rId4" Type="http://schemas.openxmlformats.org/officeDocument/2006/relationships/diagramQuickStyle" Target="../diagrams/quickStyle4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image" Target="../media/image22.svg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image" Target="../media/image21.png"/><Relationship Id="rId5" Type="http://schemas.openxmlformats.org/officeDocument/2006/relationships/tags" Target="../tags/tag5.xml"/><Relationship Id="rId10" Type="http://schemas.openxmlformats.org/officeDocument/2006/relationships/notesSlide" Target="../notesSlides/notesSlide1.xml"/><Relationship Id="rId4" Type="http://schemas.openxmlformats.org/officeDocument/2006/relationships/tags" Target="../tags/tag4.xml"/><Relationship Id="rId9" Type="http://schemas.openxmlformats.org/officeDocument/2006/relationships/slideLayout" Target="../slideLayouts/slideLayout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030" name="Rectangle 1032">
            <a:extLst>
              <a:ext uri="{FF2B5EF4-FFF2-40B4-BE49-F238E27FC236}">
                <a16:creationId xmlns:a16="http://schemas.microsoft.com/office/drawing/2014/main" id="{ECC07320-C2CA-4E29-8481-9D9E143C778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CasellaDiTesto 3">
            <a:extLst>
              <a:ext uri="{FF2B5EF4-FFF2-40B4-BE49-F238E27FC236}">
                <a16:creationId xmlns:a16="http://schemas.microsoft.com/office/drawing/2014/main" id="{831F5812-8C55-17F0-36D2-5CDA873C62CD}"/>
              </a:ext>
            </a:extLst>
          </p:cNvPr>
          <p:cNvSpPr txBox="1"/>
          <p:nvPr/>
        </p:nvSpPr>
        <p:spPr>
          <a:xfrm>
            <a:off x="5892215" y="1805224"/>
            <a:ext cx="6333794" cy="1623775"/>
          </a:xfrm>
          <a:prstGeom prst="rect">
            <a:avLst/>
          </a:prstGeom>
          <a:noFill/>
        </p:spPr>
        <p:txBody>
          <a:bodyPr vert="horz" lIns="91440" tIns="45720" rIns="91440" bIns="45720" rtlCol="0" anchor="b">
            <a:normAutofit fontScale="77500" lnSpcReduction="20000"/>
          </a:bodyPr>
          <a:lstStyle/>
          <a:p>
            <a:pPr algn="ctr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4000" b="1" dirty="0">
                <a:latin typeface="+mj-lt"/>
                <a:ea typeface="+mj-ea"/>
                <a:cs typeface="+mj-cs"/>
              </a:rPr>
              <a:t>Project Software-defined communication systems</a:t>
            </a:r>
          </a:p>
          <a:p>
            <a:pPr algn="ctr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endParaRPr lang="en-US" sz="4000" b="1" dirty="0">
              <a:latin typeface="+mj-lt"/>
              <a:ea typeface="+mj-ea"/>
              <a:cs typeface="+mj-cs"/>
            </a:endParaRPr>
          </a:p>
          <a:p>
            <a:pPr algn="ctr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4000" i="1" u="sng" dirty="0">
                <a:latin typeface="+mj-lt"/>
                <a:ea typeface="+mj-ea"/>
                <a:cs typeface="+mj-cs"/>
              </a:rPr>
              <a:t>5G CARS 1</a:t>
            </a:r>
          </a:p>
        </p:txBody>
      </p:sp>
      <p:pic>
        <p:nvPicPr>
          <p:cNvPr id="1028" name="Picture 4" descr="University - CyberChallenge.IT">
            <a:extLst>
              <a:ext uri="{FF2B5EF4-FFF2-40B4-BE49-F238E27FC236}">
                <a16:creationId xmlns:a16="http://schemas.microsoft.com/office/drawing/2014/main" id="{465C0BB1-C8BC-A93A-149E-A4A6CE214BE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929" r="-1" b="-1"/>
          <a:stretch/>
        </p:blipFill>
        <p:spPr bwMode="auto">
          <a:xfrm>
            <a:off x="314981" y="748689"/>
            <a:ext cx="5466060" cy="536062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CasellaDiTesto 4">
            <a:extLst>
              <a:ext uri="{FF2B5EF4-FFF2-40B4-BE49-F238E27FC236}">
                <a16:creationId xmlns:a16="http://schemas.microsoft.com/office/drawing/2014/main" id="{5321F850-0BE3-C7F1-8C35-F807B4057251}"/>
              </a:ext>
            </a:extLst>
          </p:cNvPr>
          <p:cNvSpPr txBox="1"/>
          <p:nvPr/>
        </p:nvSpPr>
        <p:spPr>
          <a:xfrm>
            <a:off x="7021002" y="4971553"/>
            <a:ext cx="4913906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/>
              <a:t>Curated</a:t>
            </a:r>
            <a:r>
              <a:rPr lang="it-IT" dirty="0"/>
              <a:t> by: </a:t>
            </a:r>
          </a:p>
          <a:p>
            <a:r>
              <a:rPr lang="it-IT" dirty="0"/>
              <a:t>                                  Andrea Conese (MAT. s324281)</a:t>
            </a:r>
          </a:p>
          <a:p>
            <a:pPr algn="r"/>
            <a:r>
              <a:rPr lang="it-IT" dirty="0"/>
              <a:t>Andrea Paternò (MAT. s331139) </a:t>
            </a:r>
          </a:p>
          <a:p>
            <a:pPr algn="r"/>
            <a:r>
              <a:rPr lang="it-IT" dirty="0"/>
              <a:t>   </a:t>
            </a:r>
            <a:r>
              <a:rPr lang="it-IT" dirty="0" err="1"/>
              <a:t>Hamze</a:t>
            </a:r>
            <a:r>
              <a:rPr lang="it-IT" dirty="0"/>
              <a:t> </a:t>
            </a:r>
            <a:r>
              <a:rPr lang="it-IT" dirty="0" err="1"/>
              <a:t>Ghorbani</a:t>
            </a:r>
            <a:r>
              <a:rPr lang="it-IT" dirty="0"/>
              <a:t> </a:t>
            </a:r>
            <a:r>
              <a:rPr lang="it-IT" dirty="0" err="1"/>
              <a:t>Koujani</a:t>
            </a:r>
            <a:r>
              <a:rPr lang="it-IT" dirty="0"/>
              <a:t> (MAT. S325864)</a:t>
            </a:r>
          </a:p>
          <a:p>
            <a:pPr algn="r"/>
            <a:r>
              <a:rPr lang="it-IT" dirty="0"/>
              <a:t>Umberto Pirovano (MAT. s328012)</a:t>
            </a:r>
          </a:p>
        </p:txBody>
      </p:sp>
      <p:pic>
        <p:nvPicPr>
          <p:cNvPr id="3" name="Immagine 2" descr="Immagine che contiene Elementi grafici, logo, Carattere, cerchio&#10;&#10;Descrizione generata automaticamente">
            <a:extLst>
              <a:ext uri="{FF2B5EF4-FFF2-40B4-BE49-F238E27FC236}">
                <a16:creationId xmlns:a16="http://schemas.microsoft.com/office/drawing/2014/main" id="{B94CEC4B-F585-DFE3-F4CF-84898165DA7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15587" y="91180"/>
            <a:ext cx="1866900" cy="13049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1158333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egnaposto data 3">
            <a:extLst>
              <a:ext uri="{FF2B5EF4-FFF2-40B4-BE49-F238E27FC236}">
                <a16:creationId xmlns:a16="http://schemas.microsoft.com/office/drawing/2014/main" id="{D788812A-3999-BCE9-D6C3-E6578CD13E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BD6C33-55A2-4BD3-9E50-642ABA084BF0}" type="datetime1">
              <a:rPr lang="it-IT" smtClean="0"/>
              <a:t>19/03/2024</a:t>
            </a:fld>
            <a:endParaRPr lang="it-IT" dirty="0"/>
          </a:p>
        </p:txBody>
      </p:sp>
      <p:sp>
        <p:nvSpPr>
          <p:cNvPr id="6" name="CasellaDiTesto 5">
            <a:extLst>
              <a:ext uri="{FF2B5EF4-FFF2-40B4-BE49-F238E27FC236}">
                <a16:creationId xmlns:a16="http://schemas.microsoft.com/office/drawing/2014/main" id="{9431C5AB-E0D4-1368-F0B8-42059DA6086C}"/>
              </a:ext>
            </a:extLst>
          </p:cNvPr>
          <p:cNvSpPr txBox="1"/>
          <p:nvPr/>
        </p:nvSpPr>
        <p:spPr>
          <a:xfrm>
            <a:off x="3839094" y="160076"/>
            <a:ext cx="451381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it-IT" sz="3200" b="1" dirty="0">
                <a:solidFill>
                  <a:srgbClr val="203876"/>
                </a:solidFill>
                <a:latin typeface="Arial Rounded MT Bold" panose="020F0704030504030204" pitchFamily="34" charset="0"/>
              </a:rPr>
              <a:t>OBJECTIVES</a:t>
            </a:r>
          </a:p>
        </p:txBody>
      </p:sp>
      <p:pic>
        <p:nvPicPr>
          <p:cNvPr id="8" name="Elemento grafico 7" descr="Tiro a segno con riempimento a tinta unita">
            <a:extLst>
              <a:ext uri="{FF2B5EF4-FFF2-40B4-BE49-F238E27FC236}">
                <a16:creationId xmlns:a16="http://schemas.microsoft.com/office/drawing/2014/main" id="{A70D808D-58FA-CB57-52DD-D32BFEAD9BC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432964" y="160076"/>
            <a:ext cx="630382" cy="630382"/>
          </a:xfrm>
          <a:prstGeom prst="rect">
            <a:avLst/>
          </a:prstGeom>
        </p:spPr>
      </p:pic>
      <p:sp>
        <p:nvSpPr>
          <p:cNvPr id="2" name="CasellaDiTesto 1">
            <a:extLst>
              <a:ext uri="{FF2B5EF4-FFF2-40B4-BE49-F238E27FC236}">
                <a16:creationId xmlns:a16="http://schemas.microsoft.com/office/drawing/2014/main" id="{7A541271-A2EB-9566-B388-2072EF1EAE2E}"/>
              </a:ext>
            </a:extLst>
          </p:cNvPr>
          <p:cNvSpPr txBox="1"/>
          <p:nvPr/>
        </p:nvSpPr>
        <p:spPr>
          <a:xfrm>
            <a:off x="3757352" y="1396538"/>
            <a:ext cx="4937760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dirty="0">
                <a:solidFill>
                  <a:srgbClr val="03234A"/>
                </a:solidFill>
              </a:rPr>
              <a:t>Simulate the </a:t>
            </a:r>
            <a:r>
              <a:rPr lang="it-IT" dirty="0" err="1">
                <a:solidFill>
                  <a:srgbClr val="03234A"/>
                </a:solidFill>
              </a:rPr>
              <a:t>mobility</a:t>
            </a:r>
            <a:r>
              <a:rPr lang="it-IT" dirty="0">
                <a:solidFill>
                  <a:srgbClr val="03234A"/>
                </a:solidFill>
              </a:rPr>
              <a:t> of </a:t>
            </a:r>
            <a:r>
              <a:rPr lang="it-IT" dirty="0" err="1">
                <a:solidFill>
                  <a:srgbClr val="03234A"/>
                </a:solidFill>
              </a:rPr>
              <a:t>autonomous</a:t>
            </a:r>
            <a:r>
              <a:rPr lang="it-IT" dirty="0">
                <a:solidFill>
                  <a:srgbClr val="03234A"/>
                </a:solidFill>
              </a:rPr>
              <a:t> systems and the 4 </a:t>
            </a:r>
            <a:r>
              <a:rPr lang="it-IT" dirty="0" err="1">
                <a:solidFill>
                  <a:srgbClr val="03234A"/>
                </a:solidFill>
              </a:rPr>
              <a:t>aforementioned</a:t>
            </a:r>
            <a:r>
              <a:rPr lang="it-IT" dirty="0">
                <a:solidFill>
                  <a:srgbClr val="03234A"/>
                </a:solidFill>
              </a:rPr>
              <a:t> </a:t>
            </a:r>
            <a:r>
              <a:rPr lang="it-IT" dirty="0" err="1">
                <a:solidFill>
                  <a:srgbClr val="03234A"/>
                </a:solidFill>
              </a:rPr>
              <a:t>operational</a:t>
            </a:r>
            <a:r>
              <a:rPr lang="it-IT" dirty="0">
                <a:solidFill>
                  <a:srgbClr val="03234A"/>
                </a:solidFill>
              </a:rPr>
              <a:t> stages (data </a:t>
            </a:r>
            <a:r>
              <a:rPr lang="it-IT" dirty="0" err="1">
                <a:solidFill>
                  <a:srgbClr val="03234A"/>
                </a:solidFill>
              </a:rPr>
              <a:t>collection</a:t>
            </a:r>
            <a:r>
              <a:rPr lang="it-IT" dirty="0">
                <a:solidFill>
                  <a:srgbClr val="03234A"/>
                </a:solidFill>
              </a:rPr>
              <a:t>, delivery, </a:t>
            </a:r>
            <a:r>
              <a:rPr lang="it-IT" dirty="0" err="1">
                <a:solidFill>
                  <a:srgbClr val="03234A"/>
                </a:solidFill>
              </a:rPr>
              <a:t>analysis</a:t>
            </a:r>
            <a:r>
              <a:rPr lang="it-IT" dirty="0">
                <a:solidFill>
                  <a:srgbClr val="03234A"/>
                </a:solidFill>
              </a:rPr>
              <a:t> and mobile system control)</a:t>
            </a:r>
          </a:p>
          <a:p>
            <a:endParaRPr lang="it-IT" dirty="0">
              <a:solidFill>
                <a:srgbClr val="03234A"/>
              </a:solidFill>
            </a:endParaRPr>
          </a:p>
          <a:p>
            <a:r>
              <a:rPr lang="it-IT" dirty="0">
                <a:solidFill>
                  <a:srgbClr val="03234A"/>
                </a:solidFill>
              </a:rPr>
              <a:t>5G CARS: urban scenario </a:t>
            </a:r>
            <a:r>
              <a:rPr lang="it-IT" dirty="0" err="1">
                <a:solidFill>
                  <a:srgbClr val="03234A"/>
                </a:solidFill>
              </a:rPr>
              <a:t>including</a:t>
            </a:r>
            <a:r>
              <a:rPr lang="it-IT" dirty="0">
                <a:solidFill>
                  <a:srgbClr val="03234A"/>
                </a:solidFill>
              </a:rPr>
              <a:t> </a:t>
            </a:r>
            <a:r>
              <a:rPr lang="it-IT" dirty="0" err="1">
                <a:solidFill>
                  <a:srgbClr val="03234A"/>
                </a:solidFill>
              </a:rPr>
              <a:t>connected</a:t>
            </a:r>
            <a:r>
              <a:rPr lang="it-IT" dirty="0">
                <a:solidFill>
                  <a:srgbClr val="03234A"/>
                </a:solidFill>
              </a:rPr>
              <a:t> </a:t>
            </a:r>
            <a:r>
              <a:rPr lang="it-IT" dirty="0" err="1">
                <a:solidFill>
                  <a:srgbClr val="03234A"/>
                </a:solidFill>
              </a:rPr>
              <a:t>autonomous</a:t>
            </a:r>
            <a:r>
              <a:rPr lang="it-IT" dirty="0">
                <a:solidFill>
                  <a:srgbClr val="03234A"/>
                </a:solidFill>
              </a:rPr>
              <a:t> </a:t>
            </a:r>
            <a:r>
              <a:rPr lang="it-IT" dirty="0" err="1">
                <a:solidFill>
                  <a:srgbClr val="03234A"/>
                </a:solidFill>
              </a:rPr>
              <a:t>vehicles</a:t>
            </a:r>
            <a:endParaRPr lang="it-IT" dirty="0">
              <a:solidFill>
                <a:srgbClr val="03234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6682810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data 1">
            <a:extLst>
              <a:ext uri="{FF2B5EF4-FFF2-40B4-BE49-F238E27FC236}">
                <a16:creationId xmlns:a16="http://schemas.microsoft.com/office/drawing/2014/main" id="{96F902B9-B8E2-323A-785A-807A1BC1BB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6B158F-4A36-49B9-9300-811B8DC29F7A}" type="datetime1">
              <a:rPr lang="it-IT" smtClean="0"/>
              <a:t>19/03/2024</a:t>
            </a:fld>
            <a:endParaRPr lang="it-IT"/>
          </a:p>
        </p:txBody>
      </p:sp>
      <p:graphicFrame>
        <p:nvGraphicFramePr>
          <p:cNvPr id="3" name="Diagramma 2">
            <a:extLst>
              <a:ext uri="{FF2B5EF4-FFF2-40B4-BE49-F238E27FC236}">
                <a16:creationId xmlns:a16="http://schemas.microsoft.com/office/drawing/2014/main" id="{319E327A-F046-ED89-C34F-4F4B0CAA5183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206199388"/>
              </p:ext>
            </p:extLst>
          </p:nvPr>
        </p:nvGraphicFramePr>
        <p:xfrm>
          <a:off x="1022465" y="719666"/>
          <a:ext cx="10740044" cy="54186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4" name="CasellaDiTesto 3">
            <a:extLst>
              <a:ext uri="{FF2B5EF4-FFF2-40B4-BE49-F238E27FC236}">
                <a16:creationId xmlns:a16="http://schemas.microsoft.com/office/drawing/2014/main" id="{98DFA52F-71FF-E3F1-B109-5A0F3FA643C5}"/>
              </a:ext>
            </a:extLst>
          </p:cNvPr>
          <p:cNvSpPr txBox="1"/>
          <p:nvPr/>
        </p:nvSpPr>
        <p:spPr>
          <a:xfrm>
            <a:off x="1928554" y="3136611"/>
            <a:ext cx="143810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>
                <a:solidFill>
                  <a:srgbClr val="DA743B"/>
                </a:solidFill>
              </a:rPr>
              <a:t>PROJECT PLAN PRESENTATION</a:t>
            </a:r>
          </a:p>
        </p:txBody>
      </p:sp>
      <p:sp>
        <p:nvSpPr>
          <p:cNvPr id="5" name="CasellaDiTesto 4">
            <a:extLst>
              <a:ext uri="{FF2B5EF4-FFF2-40B4-BE49-F238E27FC236}">
                <a16:creationId xmlns:a16="http://schemas.microsoft.com/office/drawing/2014/main" id="{C9B73760-0659-9BD8-2202-34215ECD5340}"/>
              </a:ext>
            </a:extLst>
          </p:cNvPr>
          <p:cNvSpPr txBox="1"/>
          <p:nvPr/>
        </p:nvSpPr>
        <p:spPr>
          <a:xfrm>
            <a:off x="4674525" y="3125469"/>
            <a:ext cx="143810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>
                <a:solidFill>
                  <a:srgbClr val="DA743B"/>
                </a:solidFill>
              </a:rPr>
              <a:t>…</a:t>
            </a:r>
          </a:p>
        </p:txBody>
      </p:sp>
      <p:sp>
        <p:nvSpPr>
          <p:cNvPr id="6" name="CasellaDiTesto 5">
            <a:extLst>
              <a:ext uri="{FF2B5EF4-FFF2-40B4-BE49-F238E27FC236}">
                <a16:creationId xmlns:a16="http://schemas.microsoft.com/office/drawing/2014/main" id="{9B6C709A-E4FA-2095-048A-6078EC3D9AB0}"/>
              </a:ext>
            </a:extLst>
          </p:cNvPr>
          <p:cNvSpPr txBox="1"/>
          <p:nvPr/>
        </p:nvSpPr>
        <p:spPr>
          <a:xfrm>
            <a:off x="10160927" y="3136611"/>
            <a:ext cx="143810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>
                <a:solidFill>
                  <a:srgbClr val="DA743B"/>
                </a:solidFill>
              </a:rPr>
              <a:t>…</a:t>
            </a:r>
          </a:p>
        </p:txBody>
      </p:sp>
      <p:sp>
        <p:nvSpPr>
          <p:cNvPr id="7" name="CasellaDiTesto 6">
            <a:extLst>
              <a:ext uri="{FF2B5EF4-FFF2-40B4-BE49-F238E27FC236}">
                <a16:creationId xmlns:a16="http://schemas.microsoft.com/office/drawing/2014/main" id="{575F7693-FEA3-6632-BFA4-83BC5CAD8289}"/>
              </a:ext>
            </a:extLst>
          </p:cNvPr>
          <p:cNvSpPr txBox="1"/>
          <p:nvPr/>
        </p:nvSpPr>
        <p:spPr>
          <a:xfrm>
            <a:off x="7417726" y="3136611"/>
            <a:ext cx="143810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>
                <a:solidFill>
                  <a:srgbClr val="DA743B"/>
                </a:solidFill>
              </a:rPr>
              <a:t>…</a:t>
            </a:r>
          </a:p>
        </p:txBody>
      </p:sp>
      <p:sp>
        <p:nvSpPr>
          <p:cNvPr id="9" name="CasellaDiTesto 8">
            <a:extLst>
              <a:ext uri="{FF2B5EF4-FFF2-40B4-BE49-F238E27FC236}">
                <a16:creationId xmlns:a16="http://schemas.microsoft.com/office/drawing/2014/main" id="{4D9CD655-72F6-A615-D4A7-71956A5BB91B}"/>
              </a:ext>
            </a:extLst>
          </p:cNvPr>
          <p:cNvSpPr txBox="1"/>
          <p:nvPr/>
        </p:nvSpPr>
        <p:spPr>
          <a:xfrm>
            <a:off x="4009506" y="209261"/>
            <a:ext cx="4206240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it-IT" sz="3200" b="1" dirty="0">
                <a:solidFill>
                  <a:srgbClr val="203876"/>
                </a:solidFill>
                <a:latin typeface="Arial Rounded MT Bold" panose="020F0704030504030204" pitchFamily="34" charset="0"/>
              </a:rPr>
              <a:t>PROJE</a:t>
            </a:r>
            <a:r>
              <a:rPr lang="it-IT" sz="3200" b="1" dirty="0">
                <a:solidFill>
                  <a:srgbClr val="344A81"/>
                </a:solidFill>
                <a:latin typeface="Arial Rounded MT Bold" panose="020F0704030504030204" pitchFamily="34" charset="0"/>
              </a:rPr>
              <a:t>C</a:t>
            </a:r>
            <a:r>
              <a:rPr lang="it-IT" sz="3200" b="1" dirty="0">
                <a:solidFill>
                  <a:srgbClr val="203876"/>
                </a:solidFill>
                <a:latin typeface="Arial Rounded MT Bold" panose="020F0704030504030204" pitchFamily="34" charset="0"/>
              </a:rPr>
              <a:t>T TIMELINE</a:t>
            </a:r>
          </a:p>
        </p:txBody>
      </p:sp>
      <p:pic>
        <p:nvPicPr>
          <p:cNvPr id="11" name="Elemento grafico 10" descr="Orologio con riempimento a tinta unita">
            <a:extLst>
              <a:ext uri="{FF2B5EF4-FFF2-40B4-BE49-F238E27FC236}">
                <a16:creationId xmlns:a16="http://schemas.microsoft.com/office/drawing/2014/main" id="{00D9C17D-C0CE-FC77-60BF-C813740F65A3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8282248" y="133117"/>
            <a:ext cx="737061" cy="7370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5825597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data 1">
            <a:extLst>
              <a:ext uri="{FF2B5EF4-FFF2-40B4-BE49-F238E27FC236}">
                <a16:creationId xmlns:a16="http://schemas.microsoft.com/office/drawing/2014/main" id="{0924EE74-D591-07D5-5706-00C4508E3B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6B158F-4A36-49B9-9300-811B8DC29F7A}" type="datetime1">
              <a:rPr lang="it-IT" smtClean="0"/>
              <a:t>19/03/2024</a:t>
            </a:fld>
            <a:endParaRPr lang="it-IT"/>
          </a:p>
        </p:txBody>
      </p:sp>
      <p:sp>
        <p:nvSpPr>
          <p:cNvPr id="4" name="CasellaDiTesto 3">
            <a:extLst>
              <a:ext uri="{FF2B5EF4-FFF2-40B4-BE49-F238E27FC236}">
                <a16:creationId xmlns:a16="http://schemas.microsoft.com/office/drawing/2014/main" id="{B1D824C3-4CC8-42DD-341F-F226DCF918F6}"/>
              </a:ext>
            </a:extLst>
          </p:cNvPr>
          <p:cNvSpPr txBox="1"/>
          <p:nvPr/>
        </p:nvSpPr>
        <p:spPr>
          <a:xfrm>
            <a:off x="3047308" y="136525"/>
            <a:ext cx="6097384" cy="86177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it-IT" sz="3200" b="1" dirty="0">
                <a:solidFill>
                  <a:srgbClr val="203876"/>
                </a:solidFill>
                <a:latin typeface="Arial Rounded MT Bold" panose="020F0704030504030204" pitchFamily="34" charset="0"/>
                <a:cs typeface="Times New Roman" panose="02020603050405020304" pitchFamily="18" charset="0"/>
              </a:rPr>
              <a:t>PBS</a:t>
            </a:r>
            <a:r>
              <a:rPr lang="it-IT" b="1" dirty="0">
                <a:solidFill>
                  <a:srgbClr val="203876"/>
                </a:solidFill>
                <a:latin typeface="Arial Rounded MT Bold" panose="020F0704030504030204" pitchFamily="34" charset="0"/>
                <a:cs typeface="Times New Roman" panose="02020603050405020304" pitchFamily="18" charset="0"/>
              </a:rPr>
              <a:t> </a:t>
            </a:r>
          </a:p>
          <a:p>
            <a:pPr algn="ctr"/>
            <a:r>
              <a:rPr lang="it-IT" b="1" dirty="0">
                <a:solidFill>
                  <a:srgbClr val="203876"/>
                </a:solidFill>
                <a:latin typeface="Arial Rounded MT Bold" panose="020F0704030504030204" pitchFamily="34" charset="0"/>
                <a:cs typeface="Times New Roman" panose="02020603050405020304" pitchFamily="18" charset="0"/>
              </a:rPr>
              <a:t>(PRODUCT BREAKDOWN STRUCTURE) </a:t>
            </a:r>
          </a:p>
        </p:txBody>
      </p:sp>
      <p:graphicFrame>
        <p:nvGraphicFramePr>
          <p:cNvPr id="6" name="Diagramma 5">
            <a:extLst>
              <a:ext uri="{FF2B5EF4-FFF2-40B4-BE49-F238E27FC236}">
                <a16:creationId xmlns:a16="http://schemas.microsoft.com/office/drawing/2014/main" id="{11FC7FEA-333B-D5AF-8CFA-BB86DEEC1A1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4062616"/>
              </p:ext>
            </p:extLst>
          </p:nvPr>
        </p:nvGraphicFramePr>
        <p:xfrm>
          <a:off x="540327" y="1650384"/>
          <a:ext cx="10906298" cy="455922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0" name="Elemento grafico 9" descr="Gerarchia con riempimento a tinta unita">
            <a:extLst>
              <a:ext uri="{FF2B5EF4-FFF2-40B4-BE49-F238E27FC236}">
                <a16:creationId xmlns:a16="http://schemas.microsoft.com/office/drawing/2014/main" id="{4FB76923-BC41-2EC4-B87A-9440C50E3424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6694171" y="38637"/>
            <a:ext cx="660862" cy="660862"/>
          </a:xfrm>
          <a:prstGeom prst="rect">
            <a:avLst/>
          </a:prstGeom>
        </p:spPr>
      </p:pic>
      <p:sp>
        <p:nvSpPr>
          <p:cNvPr id="5" name="CasellaDiTesto 4">
            <a:extLst>
              <a:ext uri="{FF2B5EF4-FFF2-40B4-BE49-F238E27FC236}">
                <a16:creationId xmlns:a16="http://schemas.microsoft.com/office/drawing/2014/main" id="{C69492AC-F416-8E14-FB65-589282655DB9}"/>
              </a:ext>
            </a:extLst>
          </p:cNvPr>
          <p:cNvSpPr txBox="1"/>
          <p:nvPr/>
        </p:nvSpPr>
        <p:spPr>
          <a:xfrm>
            <a:off x="1644097" y="1599207"/>
            <a:ext cx="183711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err="1">
                <a:solidFill>
                  <a:srgbClr val="DA743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imulation</a:t>
            </a:r>
            <a:r>
              <a:rPr lang="it-IT" sz="1600" dirty="0">
                <a:solidFill>
                  <a:srgbClr val="DA743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it-IT" sz="1600" dirty="0" err="1">
                <a:solidFill>
                  <a:srgbClr val="DA743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environment</a:t>
            </a:r>
            <a:r>
              <a:rPr lang="it-IT" sz="1600" dirty="0">
                <a:solidFill>
                  <a:srgbClr val="DA743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</a:p>
          <a:p>
            <a:r>
              <a:rPr lang="it-IT" sz="1600" dirty="0">
                <a:solidFill>
                  <a:srgbClr val="DA743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etup</a:t>
            </a:r>
          </a:p>
        </p:txBody>
      </p:sp>
      <p:sp>
        <p:nvSpPr>
          <p:cNvPr id="7" name="CasellaDiTesto 6">
            <a:extLst>
              <a:ext uri="{FF2B5EF4-FFF2-40B4-BE49-F238E27FC236}">
                <a16:creationId xmlns:a16="http://schemas.microsoft.com/office/drawing/2014/main" id="{8945DE17-BCB5-CA02-3FEB-730A520EB539}"/>
              </a:ext>
            </a:extLst>
          </p:cNvPr>
          <p:cNvSpPr txBox="1"/>
          <p:nvPr/>
        </p:nvSpPr>
        <p:spPr>
          <a:xfrm>
            <a:off x="1765419" y="2576947"/>
            <a:ext cx="1133900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1600" dirty="0">
                <a:solidFill>
                  <a:srgbClr val="203876"/>
                </a:solidFill>
              </a:rPr>
              <a:t>Linux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1600" dirty="0">
                <a:solidFill>
                  <a:srgbClr val="203876"/>
                </a:solidFill>
              </a:rPr>
              <a:t>GitHub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1600" dirty="0">
                <a:solidFill>
                  <a:srgbClr val="203876"/>
                </a:solidFill>
              </a:rPr>
              <a:t>VS code</a:t>
            </a:r>
          </a:p>
        </p:txBody>
      </p:sp>
      <p:sp>
        <p:nvSpPr>
          <p:cNvPr id="8" name="CasellaDiTesto 7">
            <a:extLst>
              <a:ext uri="{FF2B5EF4-FFF2-40B4-BE49-F238E27FC236}">
                <a16:creationId xmlns:a16="http://schemas.microsoft.com/office/drawing/2014/main" id="{A9749F2C-C697-8B48-B569-201585AAD997}"/>
              </a:ext>
            </a:extLst>
          </p:cNvPr>
          <p:cNvSpPr txBox="1"/>
          <p:nvPr/>
        </p:nvSpPr>
        <p:spPr>
          <a:xfrm>
            <a:off x="3656966" y="2700058"/>
            <a:ext cx="1511415" cy="141577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/>
            <a:r>
              <a:rPr lang="it-IT" sz="1600" dirty="0">
                <a:solidFill>
                  <a:srgbClr val="203876"/>
                </a:solidFill>
              </a:rPr>
              <a:t>Scenario </a:t>
            </a:r>
            <a:r>
              <a:rPr lang="it-IT" sz="1600" dirty="0" err="1">
                <a:solidFill>
                  <a:srgbClr val="203876"/>
                </a:solidFill>
              </a:rPr>
              <a:t>construction</a:t>
            </a:r>
            <a:endParaRPr lang="it-IT" sz="1600" dirty="0">
              <a:solidFill>
                <a:srgbClr val="203876"/>
              </a:solidFill>
            </a:endParaRP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it-IT" dirty="0">
              <a:solidFill>
                <a:srgbClr val="203876"/>
              </a:solidFill>
            </a:endParaRP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it-IT" dirty="0">
              <a:solidFill>
                <a:srgbClr val="203876"/>
              </a:solidFill>
            </a:endParaRPr>
          </a:p>
          <a:p>
            <a:pPr lvl="0"/>
            <a:endParaRPr lang="it-IT" dirty="0">
              <a:solidFill>
                <a:srgbClr val="203876"/>
              </a:solidFill>
            </a:endParaRPr>
          </a:p>
        </p:txBody>
      </p:sp>
      <p:sp>
        <p:nvSpPr>
          <p:cNvPr id="9" name="CasellaDiTesto 8">
            <a:extLst>
              <a:ext uri="{FF2B5EF4-FFF2-40B4-BE49-F238E27FC236}">
                <a16:creationId xmlns:a16="http://schemas.microsoft.com/office/drawing/2014/main" id="{047E517D-B15D-E22A-283B-964A873ACF19}"/>
              </a:ext>
            </a:extLst>
          </p:cNvPr>
          <p:cNvSpPr txBox="1"/>
          <p:nvPr/>
        </p:nvSpPr>
        <p:spPr>
          <a:xfrm>
            <a:off x="5352011" y="1650384"/>
            <a:ext cx="1837114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0" i="0" u="none" strike="noStrike" dirty="0">
                <a:solidFill>
                  <a:srgbClr val="DA743B"/>
                </a:solidFill>
                <a:effectLst/>
                <a:latin typeface="Times New Roman" panose="02020603050405020304" pitchFamily="18" charset="0"/>
                <a:cs typeface="Times New Roman" panose="02020603050405020304" pitchFamily="18" charset="0"/>
              </a:rPr>
              <a:t>Integrate a </a:t>
            </a:r>
          </a:p>
          <a:p>
            <a:r>
              <a:rPr lang="en-US" sz="1400" b="0" i="0" u="none" strike="noStrike" dirty="0">
                <a:solidFill>
                  <a:srgbClr val="DA743B"/>
                </a:solidFill>
                <a:effectLst/>
                <a:latin typeface="Times New Roman" panose="02020603050405020304" pitchFamily="18" charset="0"/>
                <a:cs typeface="Times New Roman" panose="02020603050405020304" pitchFamily="18" charset="0"/>
              </a:rPr>
              <a:t>Computer Vision library</a:t>
            </a:r>
            <a:endParaRPr lang="it-IT" sz="1400" dirty="0">
              <a:solidFill>
                <a:srgbClr val="DA743B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CasellaDiTesto 10">
            <a:extLst>
              <a:ext uri="{FF2B5EF4-FFF2-40B4-BE49-F238E27FC236}">
                <a16:creationId xmlns:a16="http://schemas.microsoft.com/office/drawing/2014/main" id="{6DD9D17E-F487-B08F-B3EB-FABBF2631ECF}"/>
              </a:ext>
            </a:extLst>
          </p:cNvPr>
          <p:cNvSpPr txBox="1"/>
          <p:nvPr/>
        </p:nvSpPr>
        <p:spPr>
          <a:xfrm>
            <a:off x="3751141" y="3161330"/>
            <a:ext cx="1600870" cy="16619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/>
            <a:endParaRPr lang="it-IT" dirty="0">
              <a:solidFill>
                <a:srgbClr val="203876"/>
              </a:solidFill>
            </a:endParaRPr>
          </a:p>
          <a:p>
            <a:pPr rtl="0"/>
            <a:r>
              <a:rPr lang="en-US" sz="1600" dirty="0">
                <a:solidFill>
                  <a:srgbClr val="203876"/>
                </a:solidFill>
              </a:rPr>
              <a:t>transferring data to the edge (latency, BW, </a:t>
            </a:r>
            <a:r>
              <a:rPr lang="en-US" sz="1600" dirty="0" err="1">
                <a:solidFill>
                  <a:srgbClr val="203876"/>
                </a:solidFill>
              </a:rPr>
              <a:t>etc</a:t>
            </a:r>
            <a:r>
              <a:rPr lang="en-US" dirty="0">
                <a:solidFill>
                  <a:srgbClr val="203876"/>
                </a:solidFill>
              </a:rPr>
              <a:t>)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it-IT" dirty="0">
              <a:solidFill>
                <a:srgbClr val="203876"/>
              </a:solidFill>
            </a:endParaRPr>
          </a:p>
        </p:txBody>
      </p:sp>
      <p:sp>
        <p:nvSpPr>
          <p:cNvPr id="12" name="CasellaDiTesto 11">
            <a:extLst>
              <a:ext uri="{FF2B5EF4-FFF2-40B4-BE49-F238E27FC236}">
                <a16:creationId xmlns:a16="http://schemas.microsoft.com/office/drawing/2014/main" id="{9F6CCB9A-9130-564B-BD4A-6549D60D3668}"/>
              </a:ext>
            </a:extLst>
          </p:cNvPr>
          <p:cNvSpPr txBox="1"/>
          <p:nvPr/>
        </p:nvSpPr>
        <p:spPr>
          <a:xfrm>
            <a:off x="3815979" y="4744729"/>
            <a:ext cx="326041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rtl="0"/>
            <a:r>
              <a:rPr lang="en-US" dirty="0">
                <a:solidFill>
                  <a:srgbClr val="203876"/>
                </a:solidFill>
              </a:rPr>
              <a:t>DL CV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it-IT" dirty="0">
              <a:solidFill>
                <a:srgbClr val="203876"/>
              </a:solidFill>
            </a:endParaRPr>
          </a:p>
        </p:txBody>
      </p:sp>
      <p:sp>
        <p:nvSpPr>
          <p:cNvPr id="13" name="CasellaDiTesto 12">
            <a:extLst>
              <a:ext uri="{FF2B5EF4-FFF2-40B4-BE49-F238E27FC236}">
                <a16:creationId xmlns:a16="http://schemas.microsoft.com/office/drawing/2014/main" id="{30A689D4-028B-F1C6-B92A-98353B8D67B9}"/>
              </a:ext>
            </a:extLst>
          </p:cNvPr>
          <p:cNvSpPr txBox="1"/>
          <p:nvPr/>
        </p:nvSpPr>
        <p:spPr>
          <a:xfrm>
            <a:off x="3584782" y="5433020"/>
            <a:ext cx="1933587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rtl="0"/>
            <a:r>
              <a:rPr lang="en-US" dirty="0">
                <a:solidFill>
                  <a:srgbClr val="203876"/>
                </a:solidFill>
              </a:rPr>
              <a:t>path logic on the car computer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it-IT" dirty="0">
              <a:solidFill>
                <a:srgbClr val="20387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9453396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data 1">
            <a:extLst>
              <a:ext uri="{FF2B5EF4-FFF2-40B4-BE49-F238E27FC236}">
                <a16:creationId xmlns:a16="http://schemas.microsoft.com/office/drawing/2014/main" id="{C1FB7D18-CFB4-79EC-ADBB-9ED4954897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6B158F-4A36-49B9-9300-811B8DC29F7A}" type="datetime1">
              <a:rPr lang="it-IT" smtClean="0"/>
              <a:t>19/03/2024</a:t>
            </a:fld>
            <a:endParaRPr lang="it-IT"/>
          </a:p>
        </p:txBody>
      </p:sp>
      <p:sp>
        <p:nvSpPr>
          <p:cNvPr id="3" name="CasellaDiTesto 2">
            <a:extLst>
              <a:ext uri="{FF2B5EF4-FFF2-40B4-BE49-F238E27FC236}">
                <a16:creationId xmlns:a16="http://schemas.microsoft.com/office/drawing/2014/main" id="{35F2DB37-1710-9B3E-8DFC-6F06AF969ADE}"/>
              </a:ext>
            </a:extLst>
          </p:cNvPr>
          <p:cNvSpPr txBox="1"/>
          <p:nvPr/>
        </p:nvSpPr>
        <p:spPr>
          <a:xfrm>
            <a:off x="4651822" y="99753"/>
            <a:ext cx="2888355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3200" b="1" dirty="0">
                <a:solidFill>
                  <a:srgbClr val="203876"/>
                </a:solidFill>
                <a:latin typeface="Arial Rounded MT Bold" panose="020F0704030504030204" pitchFamily="34" charset="0"/>
              </a:rPr>
              <a:t>MILESTONES</a:t>
            </a:r>
          </a:p>
        </p:txBody>
      </p:sp>
      <p:graphicFrame>
        <p:nvGraphicFramePr>
          <p:cNvPr id="6" name="Diagramma 5">
            <a:extLst>
              <a:ext uri="{FF2B5EF4-FFF2-40B4-BE49-F238E27FC236}">
                <a16:creationId xmlns:a16="http://schemas.microsoft.com/office/drawing/2014/main" id="{9819D705-5F15-8AD1-B971-BC74B24A88C7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280970333"/>
              </p:ext>
            </p:extLst>
          </p:nvPr>
        </p:nvGraphicFramePr>
        <p:xfrm>
          <a:off x="2032000" y="719666"/>
          <a:ext cx="8128000" cy="54186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8" name="Elemento grafico 7" descr="Pila di rocce con riempimento a tinta unita">
            <a:extLst>
              <a:ext uri="{FF2B5EF4-FFF2-40B4-BE49-F238E27FC236}">
                <a16:creationId xmlns:a16="http://schemas.microsoft.com/office/drawing/2014/main" id="{36FA00B2-3047-29A3-C7F9-3F76E0C0D914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7540177" y="-65272"/>
            <a:ext cx="784938" cy="784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6149454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data 1">
            <a:extLst>
              <a:ext uri="{FF2B5EF4-FFF2-40B4-BE49-F238E27FC236}">
                <a16:creationId xmlns:a16="http://schemas.microsoft.com/office/drawing/2014/main" id="{1FA7D158-DEC6-0145-024D-E1CAFA9044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6B158F-4A36-49B9-9300-811B8DC29F7A}" type="datetime1">
              <a:rPr lang="it-IT" smtClean="0"/>
              <a:t>19/03/2024</a:t>
            </a:fld>
            <a:endParaRPr lang="it-IT"/>
          </a:p>
        </p:txBody>
      </p:sp>
      <p:sp>
        <p:nvSpPr>
          <p:cNvPr id="4" name="CasellaDiTesto 3">
            <a:extLst>
              <a:ext uri="{FF2B5EF4-FFF2-40B4-BE49-F238E27FC236}">
                <a16:creationId xmlns:a16="http://schemas.microsoft.com/office/drawing/2014/main" id="{B7368AFD-5481-B14D-CAEA-FC700A0471A6}"/>
              </a:ext>
            </a:extLst>
          </p:cNvPr>
          <p:cNvSpPr txBox="1"/>
          <p:nvPr/>
        </p:nvSpPr>
        <p:spPr>
          <a:xfrm>
            <a:off x="3845676" y="50627"/>
            <a:ext cx="4500648" cy="86177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it-IT" sz="3200" b="1" dirty="0">
                <a:solidFill>
                  <a:srgbClr val="203876"/>
                </a:solidFill>
                <a:latin typeface="Arial Rounded MT Bold" panose="020F0704030504030204" pitchFamily="34" charset="0"/>
              </a:rPr>
              <a:t>WBS</a:t>
            </a:r>
          </a:p>
          <a:p>
            <a:pPr algn="ctr"/>
            <a:r>
              <a:rPr lang="it-IT" b="1" dirty="0">
                <a:solidFill>
                  <a:srgbClr val="203876"/>
                </a:solidFill>
                <a:latin typeface="Arial Rounded MT Bold" panose="020F0704030504030204" pitchFamily="34" charset="0"/>
              </a:rPr>
              <a:t> (WORK BREAKDOWN STRUCTURE)</a:t>
            </a:r>
          </a:p>
        </p:txBody>
      </p:sp>
      <p:graphicFrame>
        <p:nvGraphicFramePr>
          <p:cNvPr id="5" name="Diagramma 4">
            <a:extLst>
              <a:ext uri="{FF2B5EF4-FFF2-40B4-BE49-F238E27FC236}">
                <a16:creationId xmlns:a16="http://schemas.microsoft.com/office/drawing/2014/main" id="{47CFDC12-F787-D30B-D8E4-2CDB5111C53A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635101641"/>
              </p:ext>
            </p:extLst>
          </p:nvPr>
        </p:nvGraphicFramePr>
        <p:xfrm>
          <a:off x="3122123" y="1118678"/>
          <a:ext cx="6387637" cy="436772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9" name="Elemento grafico 8" descr="Elenco di controllo con riempimento a tinta unita">
            <a:extLst>
              <a:ext uri="{FF2B5EF4-FFF2-40B4-BE49-F238E27FC236}">
                <a16:creationId xmlns:a16="http://schemas.microsoft.com/office/drawing/2014/main" id="{7248631E-5867-388A-9D94-0331C60DBD6F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6702829" y="50627"/>
            <a:ext cx="529244" cy="5292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9485176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data 1">
            <a:extLst>
              <a:ext uri="{FF2B5EF4-FFF2-40B4-BE49-F238E27FC236}">
                <a16:creationId xmlns:a16="http://schemas.microsoft.com/office/drawing/2014/main" id="{629E7154-AF9B-696E-4A46-4D2B478E50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6B158F-4A36-49B9-9300-811B8DC29F7A}" type="datetime1">
              <a:rPr lang="it-IT" smtClean="0"/>
              <a:t>19/03/2024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98457288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4" name="OTLSHAPE_M_9b39fefad822441faaec2498033d8bd1_Connector1">
            <a:extLst>
              <a:ext uri="{FF2B5EF4-FFF2-40B4-BE49-F238E27FC236}">
                <a16:creationId xmlns:a16="http://schemas.microsoft.com/office/drawing/2014/main" id="{D714BE7E-BD6D-42F5-8111-E1E9D8C8AB44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7785295" y="1224919"/>
            <a:ext cx="0" cy="1108157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7" name="Group 26">
            <a:extLst>
              <a:ext uri="{FF2B5EF4-FFF2-40B4-BE49-F238E27FC236}">
                <a16:creationId xmlns:a16="http://schemas.microsoft.com/office/drawing/2014/main" id="{A57B499A-35C8-41F9-A2AB-F0A8BE7B1B01}"/>
              </a:ext>
            </a:extLst>
          </p:cNvPr>
          <p:cNvGrpSpPr/>
          <p:nvPr/>
        </p:nvGrpSpPr>
        <p:grpSpPr>
          <a:xfrm>
            <a:off x="7785295" y="1224919"/>
            <a:ext cx="961433" cy="411541"/>
            <a:chOff x="7785295" y="939169"/>
            <a:chExt cx="961433" cy="411541"/>
          </a:xfrm>
        </p:grpSpPr>
        <p:sp>
          <p:nvSpPr>
            <p:cNvPr id="91" name="OTLSHAPE_M_9b39fefad822441faaec2498033d8bd1_Shape">
              <a:extLst>
                <a:ext uri="{FF2B5EF4-FFF2-40B4-BE49-F238E27FC236}">
                  <a16:creationId xmlns:a16="http://schemas.microsoft.com/office/drawing/2014/main" id="{34F5B95D-00AF-43CD-BED7-2003D86FDFC2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6" name="TextBox 115">
              <a:extLst>
                <a:ext uri="{FF2B5EF4-FFF2-40B4-BE49-F238E27FC236}">
                  <a16:creationId xmlns:a16="http://schemas.microsoft.com/office/drawing/2014/main" id="{2822D528-F4E1-46E8-BCAC-80ECA1BC34AA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10 Aug</a:t>
              </a:r>
            </a:p>
          </p:txBody>
        </p:sp>
      </p:grpSp>
      <p:cxnSp>
        <p:nvCxnSpPr>
          <p:cNvPr id="117" name="OTLSHAPE_M_9b39fefad822441faaec2498033d8bd1_Connector1">
            <a:extLst>
              <a:ext uri="{FF2B5EF4-FFF2-40B4-BE49-F238E27FC236}">
                <a16:creationId xmlns:a16="http://schemas.microsoft.com/office/drawing/2014/main" id="{B0C368CD-3708-469D-BB01-676367FC1DCD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4828858" y="1592619"/>
            <a:ext cx="0" cy="675911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18" name="Group 117">
            <a:extLst>
              <a:ext uri="{FF2B5EF4-FFF2-40B4-BE49-F238E27FC236}">
                <a16:creationId xmlns:a16="http://schemas.microsoft.com/office/drawing/2014/main" id="{DD74D9B4-E5FD-43A7-8A57-A500D905B762}"/>
              </a:ext>
            </a:extLst>
          </p:cNvPr>
          <p:cNvGrpSpPr/>
          <p:nvPr/>
        </p:nvGrpSpPr>
        <p:grpSpPr>
          <a:xfrm>
            <a:off x="4828858" y="1592619"/>
            <a:ext cx="961433" cy="411541"/>
            <a:chOff x="7785295" y="939169"/>
            <a:chExt cx="961433" cy="411541"/>
          </a:xfrm>
        </p:grpSpPr>
        <p:sp>
          <p:nvSpPr>
            <p:cNvPr id="119" name="OTLSHAPE_M_9b39fefad822441faaec2498033d8bd1_Shape">
              <a:extLst>
                <a:ext uri="{FF2B5EF4-FFF2-40B4-BE49-F238E27FC236}">
                  <a16:creationId xmlns:a16="http://schemas.microsoft.com/office/drawing/2014/main" id="{93132AC7-EF85-45C7-B056-56E251875F9B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20" name="TextBox 119">
              <a:extLst>
                <a:ext uri="{FF2B5EF4-FFF2-40B4-BE49-F238E27FC236}">
                  <a16:creationId xmlns:a16="http://schemas.microsoft.com/office/drawing/2014/main" id="{D4A82C06-DAF3-44CB-B0CE-23F26C3ED464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25 Apr</a:t>
              </a:r>
            </a:p>
          </p:txBody>
        </p:sp>
      </p:grpSp>
      <p:cxnSp>
        <p:nvCxnSpPr>
          <p:cNvPr id="121" name="OTLSHAPE_M_9b39fefad822441faaec2498033d8bd1_Connector1">
            <a:extLst>
              <a:ext uri="{FF2B5EF4-FFF2-40B4-BE49-F238E27FC236}">
                <a16:creationId xmlns:a16="http://schemas.microsoft.com/office/drawing/2014/main" id="{F4B49903-4AD7-4552-91B1-AAA54CE4499C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3377125" y="1338624"/>
            <a:ext cx="0" cy="994452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2" name="Group 121">
            <a:extLst>
              <a:ext uri="{FF2B5EF4-FFF2-40B4-BE49-F238E27FC236}">
                <a16:creationId xmlns:a16="http://schemas.microsoft.com/office/drawing/2014/main" id="{A48713D9-1A12-4A11-B16E-F16EBC0D22CA}"/>
              </a:ext>
            </a:extLst>
          </p:cNvPr>
          <p:cNvGrpSpPr/>
          <p:nvPr/>
        </p:nvGrpSpPr>
        <p:grpSpPr>
          <a:xfrm>
            <a:off x="3377125" y="1338624"/>
            <a:ext cx="961433" cy="411541"/>
            <a:chOff x="7785295" y="939169"/>
            <a:chExt cx="961433" cy="411541"/>
          </a:xfrm>
        </p:grpSpPr>
        <p:sp>
          <p:nvSpPr>
            <p:cNvPr id="123" name="OTLSHAPE_M_9b39fefad822441faaec2498033d8bd1_Shape">
              <a:extLst>
                <a:ext uri="{FF2B5EF4-FFF2-40B4-BE49-F238E27FC236}">
                  <a16:creationId xmlns:a16="http://schemas.microsoft.com/office/drawing/2014/main" id="{03F4A5A6-43EA-4552-9879-F366F2B8B5FE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24" name="TextBox 123">
              <a:extLst>
                <a:ext uri="{FF2B5EF4-FFF2-40B4-BE49-F238E27FC236}">
                  <a16:creationId xmlns:a16="http://schemas.microsoft.com/office/drawing/2014/main" id="{0AAD55BB-8FA2-40AB-B8BC-2E10A85EDAF6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5 Mar</a:t>
              </a:r>
            </a:p>
          </p:txBody>
        </p:sp>
      </p:grpSp>
      <p:cxnSp>
        <p:nvCxnSpPr>
          <p:cNvPr id="125" name="OTLSHAPE_M_9b39fefad822441faaec2498033d8bd1_Connector1">
            <a:extLst>
              <a:ext uri="{FF2B5EF4-FFF2-40B4-BE49-F238E27FC236}">
                <a16:creationId xmlns:a16="http://schemas.microsoft.com/office/drawing/2014/main" id="{ED5C57A7-CB87-46E8-8EE2-62A6F3CAA186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10273458" y="1748430"/>
            <a:ext cx="0" cy="675911"/>
          </a:xfrm>
          <a:prstGeom prst="line">
            <a:avLst/>
          </a:prstGeom>
          <a:ln w="9525" cap="flat" cmpd="sng" algn="ctr">
            <a:solidFill>
              <a:srgbClr val="EB1E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6" name="Group 125">
            <a:extLst>
              <a:ext uri="{FF2B5EF4-FFF2-40B4-BE49-F238E27FC236}">
                <a16:creationId xmlns:a16="http://schemas.microsoft.com/office/drawing/2014/main" id="{D0E95AEB-03C0-4C1D-B013-DAE15E88EDD3}"/>
              </a:ext>
            </a:extLst>
          </p:cNvPr>
          <p:cNvGrpSpPr/>
          <p:nvPr/>
        </p:nvGrpSpPr>
        <p:grpSpPr>
          <a:xfrm>
            <a:off x="10273458" y="1748430"/>
            <a:ext cx="961433" cy="411541"/>
            <a:chOff x="7785295" y="939169"/>
            <a:chExt cx="961433" cy="411541"/>
          </a:xfrm>
        </p:grpSpPr>
        <p:sp>
          <p:nvSpPr>
            <p:cNvPr id="127" name="OTLSHAPE_M_9b39fefad822441faaec2498033d8bd1_Shape">
              <a:extLst>
                <a:ext uri="{FF2B5EF4-FFF2-40B4-BE49-F238E27FC236}">
                  <a16:creationId xmlns:a16="http://schemas.microsoft.com/office/drawing/2014/main" id="{412B596B-C8DF-4233-AF3C-4165BB8B813C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EB1E4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28" name="TextBox 127">
              <a:extLst>
                <a:ext uri="{FF2B5EF4-FFF2-40B4-BE49-F238E27FC236}">
                  <a16:creationId xmlns:a16="http://schemas.microsoft.com/office/drawing/2014/main" id="{F96F72F4-CAF2-4C44-884E-6AFB3A819E17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5 Nov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2C2BFAE1-45D3-4B3B-81D2-0BF25FA84F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it-IT" sz="4400" b="1" dirty="0">
                <a:solidFill>
                  <a:srgbClr val="203876"/>
                </a:solidFill>
                <a:latin typeface="Arial Rounded MT Bold" panose="020F0704030504030204" pitchFamily="34" charset="0"/>
              </a:rPr>
              <a:t>GANTT CHART</a:t>
            </a:r>
            <a:br>
              <a:rPr lang="it-IT" sz="4400" b="1" dirty="0">
                <a:solidFill>
                  <a:srgbClr val="203876"/>
                </a:solidFill>
                <a:latin typeface="Arial Rounded MT Bold" panose="020F0704030504030204" pitchFamily="34" charset="0"/>
              </a:rPr>
            </a:br>
            <a:endParaRPr lang="en-US" dirty="0"/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442A0451-C78F-4E0F-9EDA-E8D010BCB188}"/>
              </a:ext>
            </a:extLst>
          </p:cNvPr>
          <p:cNvGraphicFramePr>
            <a:graphicFrameLocks noGrp="1"/>
          </p:cNvGraphicFramePr>
          <p:nvPr/>
        </p:nvGraphicFramePr>
        <p:xfrm>
          <a:off x="1505049" y="2147656"/>
          <a:ext cx="10337796" cy="332921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61483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45035748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5952281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4165456940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2916789707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2181663660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69822132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965276697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851522278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809877522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268185573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70800015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Jan</a:t>
                      </a:r>
                    </a:p>
                  </a:txBody>
                  <a:tcPr anchor="ctr">
                    <a:lnL w="12700" cmpd="sng">
                      <a:noFill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Feb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Mar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Apr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May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Jun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Jul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Aug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Sep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Oct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Nov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Dec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2958379"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12700" cmpd="sng">
                      <a:noFill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62830215"/>
                  </a:ext>
                </a:extLst>
              </a:tr>
            </a:tbl>
          </a:graphicData>
        </a:graphic>
      </p:graphicFrame>
      <p:graphicFrame>
        <p:nvGraphicFramePr>
          <p:cNvPr id="95" name="Table 94">
            <a:extLst>
              <a:ext uri="{FF2B5EF4-FFF2-40B4-BE49-F238E27FC236}">
                <a16:creationId xmlns:a16="http://schemas.microsoft.com/office/drawing/2014/main" id="{8F729E0D-27BC-4A38-9D95-3EB1EF1E9C7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06019449"/>
              </p:ext>
            </p:extLst>
          </p:nvPr>
        </p:nvGraphicFramePr>
        <p:xfrm>
          <a:off x="192190" y="2762975"/>
          <a:ext cx="1312859" cy="370840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312859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b="1" dirty="0"/>
                        <a:t>PHASE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449897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5173160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3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8113044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b="1" dirty="0"/>
                        <a:t>PHASE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4883892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4981773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063729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endParaRPr lang="en-US" sz="1400" dirty="0"/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82071767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endParaRPr lang="en-US" sz="1400" dirty="0"/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17038517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endParaRPr lang="en-US" sz="1400" dirty="0"/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0666721"/>
                  </a:ext>
                </a:extLst>
              </a:tr>
            </a:tbl>
          </a:graphicData>
        </a:graphic>
      </p:graphicFrame>
      <p:sp>
        <p:nvSpPr>
          <p:cNvPr id="4" name="Rectangle 3">
            <a:extLst>
              <a:ext uri="{FF2B5EF4-FFF2-40B4-BE49-F238E27FC236}">
                <a16:creationId xmlns:a16="http://schemas.microsoft.com/office/drawing/2014/main" id="{03F358DF-1DF8-4344-80E4-F3B8FFD808A7}"/>
              </a:ext>
            </a:extLst>
          </p:cNvPr>
          <p:cNvSpPr/>
          <p:nvPr/>
        </p:nvSpPr>
        <p:spPr>
          <a:xfrm>
            <a:off x="1925098" y="2836000"/>
            <a:ext cx="5268182" cy="22589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95%</a:t>
            </a:r>
          </a:p>
        </p:txBody>
      </p:sp>
      <p:sp>
        <p:nvSpPr>
          <p:cNvPr id="96" name="Rectangle 95">
            <a:extLst>
              <a:ext uri="{FF2B5EF4-FFF2-40B4-BE49-F238E27FC236}">
                <a16:creationId xmlns:a16="http://schemas.microsoft.com/office/drawing/2014/main" id="{79B760D8-06FA-42C1-BF16-D47FDEB801E8}"/>
              </a:ext>
            </a:extLst>
          </p:cNvPr>
          <p:cNvSpPr/>
          <p:nvPr/>
        </p:nvSpPr>
        <p:spPr>
          <a:xfrm>
            <a:off x="1925097" y="3204824"/>
            <a:ext cx="1763303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100%</a:t>
            </a:r>
          </a:p>
        </p:txBody>
      </p:sp>
      <p:sp>
        <p:nvSpPr>
          <p:cNvPr id="97" name="Rectangle 96">
            <a:extLst>
              <a:ext uri="{FF2B5EF4-FFF2-40B4-BE49-F238E27FC236}">
                <a16:creationId xmlns:a16="http://schemas.microsoft.com/office/drawing/2014/main" id="{C1C2D56B-8B5B-4923-B83F-6AECB34305FD}"/>
              </a:ext>
            </a:extLst>
          </p:cNvPr>
          <p:cNvSpPr/>
          <p:nvPr/>
        </p:nvSpPr>
        <p:spPr>
          <a:xfrm>
            <a:off x="3065555" y="3573648"/>
            <a:ext cx="1763303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100%</a:t>
            </a:r>
          </a:p>
        </p:txBody>
      </p:sp>
      <p:sp>
        <p:nvSpPr>
          <p:cNvPr id="98" name="Rectangle 97">
            <a:extLst>
              <a:ext uri="{FF2B5EF4-FFF2-40B4-BE49-F238E27FC236}">
                <a16:creationId xmlns:a16="http://schemas.microsoft.com/office/drawing/2014/main" id="{8AE27907-1797-49DF-B507-F084CC3C9186}"/>
              </a:ext>
            </a:extLst>
          </p:cNvPr>
          <p:cNvSpPr/>
          <p:nvPr/>
        </p:nvSpPr>
        <p:spPr>
          <a:xfrm>
            <a:off x="4348400" y="3942472"/>
            <a:ext cx="284488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95%</a:t>
            </a:r>
          </a:p>
        </p:txBody>
      </p:sp>
      <p:sp>
        <p:nvSpPr>
          <p:cNvPr id="99" name="Rectangle 98">
            <a:extLst>
              <a:ext uri="{FF2B5EF4-FFF2-40B4-BE49-F238E27FC236}">
                <a16:creationId xmlns:a16="http://schemas.microsoft.com/office/drawing/2014/main" id="{6E2480F0-3719-44DD-81F8-2C7859D642FA}"/>
              </a:ext>
            </a:extLst>
          </p:cNvPr>
          <p:cNvSpPr/>
          <p:nvPr/>
        </p:nvSpPr>
        <p:spPr>
          <a:xfrm>
            <a:off x="7193280" y="4311296"/>
            <a:ext cx="3811270" cy="225891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en-US" sz="1000">
              <a:solidFill>
                <a:schemeClr val="accent5"/>
              </a:solidFill>
            </a:endParaRPr>
          </a:p>
        </p:txBody>
      </p:sp>
      <p:sp>
        <p:nvSpPr>
          <p:cNvPr id="100" name="Rectangle 99">
            <a:extLst>
              <a:ext uri="{FF2B5EF4-FFF2-40B4-BE49-F238E27FC236}">
                <a16:creationId xmlns:a16="http://schemas.microsoft.com/office/drawing/2014/main" id="{693A01A5-7517-46D4-AEDA-684B6A6F496A}"/>
              </a:ext>
            </a:extLst>
          </p:cNvPr>
          <p:cNvSpPr/>
          <p:nvPr/>
        </p:nvSpPr>
        <p:spPr>
          <a:xfrm>
            <a:off x="7193280" y="4680120"/>
            <a:ext cx="1312859" cy="225891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20%</a:t>
            </a:r>
          </a:p>
        </p:txBody>
      </p:sp>
      <p:sp>
        <p:nvSpPr>
          <p:cNvPr id="101" name="Rectangle 100">
            <a:extLst>
              <a:ext uri="{FF2B5EF4-FFF2-40B4-BE49-F238E27FC236}">
                <a16:creationId xmlns:a16="http://schemas.microsoft.com/office/drawing/2014/main" id="{BEC92D15-173F-46B9-91A2-084CB3C19D8F}"/>
              </a:ext>
            </a:extLst>
          </p:cNvPr>
          <p:cNvSpPr/>
          <p:nvPr/>
        </p:nvSpPr>
        <p:spPr>
          <a:xfrm>
            <a:off x="7624487" y="5048942"/>
            <a:ext cx="3380063" cy="225891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5%</a:t>
            </a:r>
          </a:p>
        </p:txBody>
      </p:sp>
      <p:sp>
        <p:nvSpPr>
          <p:cNvPr id="103" name="Rectangle 102">
            <a:extLst>
              <a:ext uri="{FF2B5EF4-FFF2-40B4-BE49-F238E27FC236}">
                <a16:creationId xmlns:a16="http://schemas.microsoft.com/office/drawing/2014/main" id="{477D391A-EA42-4D04-B2AB-E0D2A84D7248}"/>
              </a:ext>
            </a:extLst>
          </p:cNvPr>
          <p:cNvSpPr/>
          <p:nvPr/>
        </p:nvSpPr>
        <p:spPr>
          <a:xfrm>
            <a:off x="1329025" y="2836000"/>
            <a:ext cx="91440" cy="225891"/>
          </a:xfrm>
          <a:prstGeom prst="rect">
            <a:avLst/>
          </a:prstGeom>
          <a:solidFill>
            <a:schemeClr val="accent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Rectangle 103">
            <a:extLst>
              <a:ext uri="{FF2B5EF4-FFF2-40B4-BE49-F238E27FC236}">
                <a16:creationId xmlns:a16="http://schemas.microsoft.com/office/drawing/2014/main" id="{FA4DE62E-0A23-4401-B984-C3792CDBB4CD}"/>
              </a:ext>
            </a:extLst>
          </p:cNvPr>
          <p:cNvSpPr/>
          <p:nvPr/>
        </p:nvSpPr>
        <p:spPr>
          <a:xfrm>
            <a:off x="1329025" y="3204824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Rectangle 104">
            <a:extLst>
              <a:ext uri="{FF2B5EF4-FFF2-40B4-BE49-F238E27FC236}">
                <a16:creationId xmlns:a16="http://schemas.microsoft.com/office/drawing/2014/main" id="{2A35155E-4B91-42D5-9226-69E801AEB0BC}"/>
              </a:ext>
            </a:extLst>
          </p:cNvPr>
          <p:cNvSpPr/>
          <p:nvPr/>
        </p:nvSpPr>
        <p:spPr>
          <a:xfrm>
            <a:off x="1329025" y="3573648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Rectangle 105">
            <a:extLst>
              <a:ext uri="{FF2B5EF4-FFF2-40B4-BE49-F238E27FC236}">
                <a16:creationId xmlns:a16="http://schemas.microsoft.com/office/drawing/2014/main" id="{E6159CB1-9B02-4C5F-8FAB-E88EE5D03DDC}"/>
              </a:ext>
            </a:extLst>
          </p:cNvPr>
          <p:cNvSpPr/>
          <p:nvPr/>
        </p:nvSpPr>
        <p:spPr>
          <a:xfrm>
            <a:off x="1329025" y="3942472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Rectangle 106">
            <a:extLst>
              <a:ext uri="{FF2B5EF4-FFF2-40B4-BE49-F238E27FC236}">
                <a16:creationId xmlns:a16="http://schemas.microsoft.com/office/drawing/2014/main" id="{4123B05E-05A1-413C-B7FE-ECD97F49A180}"/>
              </a:ext>
            </a:extLst>
          </p:cNvPr>
          <p:cNvSpPr/>
          <p:nvPr/>
        </p:nvSpPr>
        <p:spPr>
          <a:xfrm>
            <a:off x="1329025" y="4311296"/>
            <a:ext cx="91440" cy="225891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Rectangle 107">
            <a:extLst>
              <a:ext uri="{FF2B5EF4-FFF2-40B4-BE49-F238E27FC236}">
                <a16:creationId xmlns:a16="http://schemas.microsoft.com/office/drawing/2014/main" id="{E4FEF97D-C762-43E1-9809-BA862E068E89}"/>
              </a:ext>
            </a:extLst>
          </p:cNvPr>
          <p:cNvSpPr/>
          <p:nvPr/>
        </p:nvSpPr>
        <p:spPr>
          <a:xfrm>
            <a:off x="1329025" y="4680120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Rectangle 108">
            <a:extLst>
              <a:ext uri="{FF2B5EF4-FFF2-40B4-BE49-F238E27FC236}">
                <a16:creationId xmlns:a16="http://schemas.microsoft.com/office/drawing/2014/main" id="{D0AB28C3-95CE-4DF5-86EC-366332D28DFA}"/>
              </a:ext>
            </a:extLst>
          </p:cNvPr>
          <p:cNvSpPr/>
          <p:nvPr/>
        </p:nvSpPr>
        <p:spPr>
          <a:xfrm>
            <a:off x="1329025" y="5048942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422A9F74-40A6-4B8A-A5E0-85F2AF8EDF8E}"/>
              </a:ext>
            </a:extLst>
          </p:cNvPr>
          <p:cNvCxnSpPr>
            <a:stCxn id="103" idx="3"/>
            <a:endCxn id="4" idx="1"/>
          </p:cNvCxnSpPr>
          <p:nvPr/>
        </p:nvCxnSpPr>
        <p:spPr>
          <a:xfrm>
            <a:off x="1420465" y="2948946"/>
            <a:ext cx="504633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43753089-AF42-4831-A528-CA354F9AFCA3}"/>
              </a:ext>
            </a:extLst>
          </p:cNvPr>
          <p:cNvCxnSpPr>
            <a:stCxn id="104" idx="3"/>
            <a:endCxn id="96" idx="1"/>
          </p:cNvCxnSpPr>
          <p:nvPr/>
        </p:nvCxnSpPr>
        <p:spPr>
          <a:xfrm>
            <a:off x="1420465" y="3317770"/>
            <a:ext cx="504632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425FAFDE-D914-4C4E-B946-0EFDD9D09EF9}"/>
              </a:ext>
            </a:extLst>
          </p:cNvPr>
          <p:cNvCxnSpPr>
            <a:cxnSpLocks/>
            <a:stCxn id="105" idx="3"/>
            <a:endCxn id="97" idx="1"/>
          </p:cNvCxnSpPr>
          <p:nvPr/>
        </p:nvCxnSpPr>
        <p:spPr>
          <a:xfrm>
            <a:off x="1420465" y="3686594"/>
            <a:ext cx="1645090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EF7267A8-28D2-4160-84C7-95FCE8C689E5}"/>
              </a:ext>
            </a:extLst>
          </p:cNvPr>
          <p:cNvCxnSpPr>
            <a:endCxn id="98" idx="1"/>
          </p:cNvCxnSpPr>
          <p:nvPr/>
        </p:nvCxnSpPr>
        <p:spPr>
          <a:xfrm flipV="1">
            <a:off x="1420465" y="4055418"/>
            <a:ext cx="2927935" cy="2232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F6E86B9C-C937-4EEB-9083-9C4A8983C9FE}"/>
              </a:ext>
            </a:extLst>
          </p:cNvPr>
          <p:cNvCxnSpPr>
            <a:cxnSpLocks/>
            <a:endCxn id="99" idx="1"/>
          </p:cNvCxnSpPr>
          <p:nvPr/>
        </p:nvCxnSpPr>
        <p:spPr>
          <a:xfrm>
            <a:off x="1420465" y="4423125"/>
            <a:ext cx="5772815" cy="1117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7DBF7AA1-6EF2-4145-BC4D-E1CCF8DE3794}"/>
              </a:ext>
            </a:extLst>
          </p:cNvPr>
          <p:cNvCxnSpPr>
            <a:stCxn id="108" idx="3"/>
            <a:endCxn id="100" idx="1"/>
          </p:cNvCxnSpPr>
          <p:nvPr/>
        </p:nvCxnSpPr>
        <p:spPr>
          <a:xfrm>
            <a:off x="1420465" y="4793066"/>
            <a:ext cx="5772815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7DD1CE07-37C4-4947-B7D8-22FF941BB7B9}"/>
              </a:ext>
            </a:extLst>
          </p:cNvPr>
          <p:cNvCxnSpPr>
            <a:stCxn id="109" idx="3"/>
            <a:endCxn id="101" idx="1"/>
          </p:cNvCxnSpPr>
          <p:nvPr/>
        </p:nvCxnSpPr>
        <p:spPr>
          <a:xfrm>
            <a:off x="1420465" y="5161888"/>
            <a:ext cx="6204022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Box 25">
            <a:extLst>
              <a:ext uri="{FF2B5EF4-FFF2-40B4-BE49-F238E27FC236}">
                <a16:creationId xmlns:a16="http://schemas.microsoft.com/office/drawing/2014/main" id="{5A2684B3-5EDC-4259-B379-7F75AD8C1ED3}"/>
              </a:ext>
            </a:extLst>
          </p:cNvPr>
          <p:cNvSpPr txBox="1"/>
          <p:nvPr/>
        </p:nvSpPr>
        <p:spPr>
          <a:xfrm>
            <a:off x="7185905" y="2825834"/>
            <a:ext cx="83631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an 2 - Jul 17</a:t>
            </a:r>
          </a:p>
        </p:txBody>
      </p:sp>
      <p:sp>
        <p:nvSpPr>
          <p:cNvPr id="110" name="TextBox 109">
            <a:extLst>
              <a:ext uri="{FF2B5EF4-FFF2-40B4-BE49-F238E27FC236}">
                <a16:creationId xmlns:a16="http://schemas.microsoft.com/office/drawing/2014/main" id="{03F238DA-76E0-4FD0-81B1-13984A03B0F8}"/>
              </a:ext>
            </a:extLst>
          </p:cNvPr>
          <p:cNvSpPr txBox="1"/>
          <p:nvPr/>
        </p:nvSpPr>
        <p:spPr>
          <a:xfrm>
            <a:off x="3688400" y="3195012"/>
            <a:ext cx="913263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an 2 - Mar 14</a:t>
            </a:r>
          </a:p>
        </p:txBody>
      </p:sp>
      <p:sp>
        <p:nvSpPr>
          <p:cNvPr id="111" name="TextBox 110">
            <a:extLst>
              <a:ext uri="{FF2B5EF4-FFF2-40B4-BE49-F238E27FC236}">
                <a16:creationId xmlns:a16="http://schemas.microsoft.com/office/drawing/2014/main" id="{38223230-ECEF-4B5D-863E-20EF06565D2F}"/>
              </a:ext>
            </a:extLst>
          </p:cNvPr>
          <p:cNvSpPr txBox="1"/>
          <p:nvPr/>
        </p:nvSpPr>
        <p:spPr>
          <a:xfrm>
            <a:off x="4828858" y="3563482"/>
            <a:ext cx="970458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Feb 25 - Apr 22</a:t>
            </a:r>
          </a:p>
        </p:txBody>
      </p:sp>
      <p:sp>
        <p:nvSpPr>
          <p:cNvPr id="112" name="TextBox 111">
            <a:extLst>
              <a:ext uri="{FF2B5EF4-FFF2-40B4-BE49-F238E27FC236}">
                <a16:creationId xmlns:a16="http://schemas.microsoft.com/office/drawing/2014/main" id="{AD9B19BA-3751-441C-96A8-3DDE4476AFDA}"/>
              </a:ext>
            </a:extLst>
          </p:cNvPr>
          <p:cNvSpPr txBox="1"/>
          <p:nvPr/>
        </p:nvSpPr>
        <p:spPr>
          <a:xfrm>
            <a:off x="7191751" y="3929360"/>
            <a:ext cx="85234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Apr 5 - Jul 17</a:t>
            </a:r>
          </a:p>
        </p:txBody>
      </p:sp>
      <p:sp>
        <p:nvSpPr>
          <p:cNvPr id="113" name="TextBox 112">
            <a:extLst>
              <a:ext uri="{FF2B5EF4-FFF2-40B4-BE49-F238E27FC236}">
                <a16:creationId xmlns:a16="http://schemas.microsoft.com/office/drawing/2014/main" id="{7817B211-8366-4324-9C0D-482E2C94D052}"/>
              </a:ext>
            </a:extLst>
          </p:cNvPr>
          <p:cNvSpPr txBox="1"/>
          <p:nvPr/>
        </p:nvSpPr>
        <p:spPr>
          <a:xfrm>
            <a:off x="11006526" y="4300014"/>
            <a:ext cx="940001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ul 12 - Nov 27</a:t>
            </a:r>
          </a:p>
        </p:txBody>
      </p:sp>
      <p:sp>
        <p:nvSpPr>
          <p:cNvPr id="114" name="TextBox 113">
            <a:extLst>
              <a:ext uri="{FF2B5EF4-FFF2-40B4-BE49-F238E27FC236}">
                <a16:creationId xmlns:a16="http://schemas.microsoft.com/office/drawing/2014/main" id="{0C42D947-9C00-4681-8B3F-E84852DA1D87}"/>
              </a:ext>
            </a:extLst>
          </p:cNvPr>
          <p:cNvSpPr txBox="1"/>
          <p:nvPr/>
        </p:nvSpPr>
        <p:spPr>
          <a:xfrm>
            <a:off x="8506139" y="4668988"/>
            <a:ext cx="93358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ul 12 - Aug 19</a:t>
            </a:r>
          </a:p>
        </p:txBody>
      </p:sp>
      <p:sp>
        <p:nvSpPr>
          <p:cNvPr id="115" name="TextBox 114">
            <a:extLst>
              <a:ext uri="{FF2B5EF4-FFF2-40B4-BE49-F238E27FC236}">
                <a16:creationId xmlns:a16="http://schemas.microsoft.com/office/drawing/2014/main" id="{0C0D7143-8D52-484C-A79A-A74A67D04404}"/>
              </a:ext>
            </a:extLst>
          </p:cNvPr>
          <p:cNvSpPr txBox="1"/>
          <p:nvPr/>
        </p:nvSpPr>
        <p:spPr>
          <a:xfrm>
            <a:off x="11006526" y="5038776"/>
            <a:ext cx="940001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ul 20 - Nov 27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88B002A7-998D-40F2-98A6-2780E950CDF2}"/>
              </a:ext>
            </a:extLst>
          </p:cNvPr>
          <p:cNvSpPr txBox="1"/>
          <p:nvPr/>
        </p:nvSpPr>
        <p:spPr>
          <a:xfrm>
            <a:off x="722002" y="2149164"/>
            <a:ext cx="65274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b="1" dirty="0"/>
              <a:t>2020</a:t>
            </a:r>
          </a:p>
        </p:txBody>
      </p:sp>
      <p:grpSp>
        <p:nvGrpSpPr>
          <p:cNvPr id="131" name="Group 130">
            <a:extLst>
              <a:ext uri="{FF2B5EF4-FFF2-40B4-BE49-F238E27FC236}">
                <a16:creationId xmlns:a16="http://schemas.microsoft.com/office/drawing/2014/main" id="{5D8275CB-0D47-4D94-A229-6F18F9FFA961}"/>
              </a:ext>
            </a:extLst>
          </p:cNvPr>
          <p:cNvGrpSpPr/>
          <p:nvPr/>
        </p:nvGrpSpPr>
        <p:grpSpPr>
          <a:xfrm>
            <a:off x="1505049" y="5824490"/>
            <a:ext cx="1194193" cy="261610"/>
            <a:chOff x="1505049" y="5824490"/>
            <a:chExt cx="1194193" cy="261610"/>
          </a:xfrm>
        </p:grpSpPr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E1E551AA-E353-4B6E-B1BB-DEC7ED1244AF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/>
              <a:endParaRPr lang="en-US" sz="1000">
                <a:solidFill>
                  <a:schemeClr val="accent5"/>
                </a:solidFill>
              </a:endParaRPr>
            </a:p>
          </p:txBody>
        </p:sp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B032EFD7-A06E-4731-8C21-5A988D74290A}"/>
                </a:ext>
              </a:extLst>
            </p:cNvPr>
            <p:cNvSpPr txBox="1"/>
            <p:nvPr/>
          </p:nvSpPr>
          <p:spPr>
            <a:xfrm>
              <a:off x="1773219" y="5824490"/>
              <a:ext cx="926023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Lorem Ipsum</a:t>
              </a:r>
            </a:p>
          </p:txBody>
        </p:sp>
      </p:grpSp>
      <p:grpSp>
        <p:nvGrpSpPr>
          <p:cNvPr id="132" name="Group 131">
            <a:extLst>
              <a:ext uri="{FF2B5EF4-FFF2-40B4-BE49-F238E27FC236}">
                <a16:creationId xmlns:a16="http://schemas.microsoft.com/office/drawing/2014/main" id="{7CB6EBAD-E86E-4A52-A296-86DE1DC17704}"/>
              </a:ext>
            </a:extLst>
          </p:cNvPr>
          <p:cNvGrpSpPr/>
          <p:nvPr/>
        </p:nvGrpSpPr>
        <p:grpSpPr>
          <a:xfrm>
            <a:off x="2884432" y="5824490"/>
            <a:ext cx="1194193" cy="261610"/>
            <a:chOff x="1505049" y="5824490"/>
            <a:chExt cx="1194193" cy="261610"/>
          </a:xfrm>
        </p:grpSpPr>
        <p:sp>
          <p:nvSpPr>
            <p:cNvPr id="133" name="Rectangle 132">
              <a:extLst>
                <a:ext uri="{FF2B5EF4-FFF2-40B4-BE49-F238E27FC236}">
                  <a16:creationId xmlns:a16="http://schemas.microsoft.com/office/drawing/2014/main" id="{56E75932-B719-440F-95F2-5A94F31AA10E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/>
              <a:endParaRPr lang="en-US" sz="1000">
                <a:solidFill>
                  <a:schemeClr val="accent5"/>
                </a:solidFill>
              </a:endParaRPr>
            </a:p>
          </p:txBody>
        </p:sp>
        <p:sp>
          <p:nvSpPr>
            <p:cNvPr id="134" name="TextBox 133">
              <a:extLst>
                <a:ext uri="{FF2B5EF4-FFF2-40B4-BE49-F238E27FC236}">
                  <a16:creationId xmlns:a16="http://schemas.microsoft.com/office/drawing/2014/main" id="{D9CCB2F0-6EBB-4C16-86FD-CDAEC29F6C1D}"/>
                </a:ext>
              </a:extLst>
            </p:cNvPr>
            <p:cNvSpPr txBox="1"/>
            <p:nvPr/>
          </p:nvSpPr>
          <p:spPr>
            <a:xfrm>
              <a:off x="1773219" y="5824490"/>
              <a:ext cx="926023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Lorem Ipsum</a:t>
              </a:r>
            </a:p>
          </p:txBody>
        </p:sp>
      </p:grpSp>
      <p:grpSp>
        <p:nvGrpSpPr>
          <p:cNvPr id="138" name="Group 137">
            <a:extLst>
              <a:ext uri="{FF2B5EF4-FFF2-40B4-BE49-F238E27FC236}">
                <a16:creationId xmlns:a16="http://schemas.microsoft.com/office/drawing/2014/main" id="{31BD6B9E-EC49-4384-B93D-B76466370C3F}"/>
              </a:ext>
            </a:extLst>
          </p:cNvPr>
          <p:cNvGrpSpPr/>
          <p:nvPr/>
        </p:nvGrpSpPr>
        <p:grpSpPr>
          <a:xfrm>
            <a:off x="10731495" y="5842350"/>
            <a:ext cx="1111350" cy="261610"/>
            <a:chOff x="1505049" y="5824490"/>
            <a:chExt cx="1111350" cy="261610"/>
          </a:xfrm>
        </p:grpSpPr>
        <p:sp>
          <p:nvSpPr>
            <p:cNvPr id="139" name="Rectangle 138">
              <a:extLst>
                <a:ext uri="{FF2B5EF4-FFF2-40B4-BE49-F238E27FC236}">
                  <a16:creationId xmlns:a16="http://schemas.microsoft.com/office/drawing/2014/main" id="{E9432077-292A-4584-B937-AE5D93C0DE06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/>
              <a:r>
                <a:rPr lang="en-US" sz="1000" dirty="0">
                  <a:solidFill>
                    <a:schemeClr val="accent5"/>
                  </a:solidFill>
                </a:rPr>
                <a:t>%</a:t>
              </a:r>
            </a:p>
          </p:txBody>
        </p:sp>
        <p:sp>
          <p:nvSpPr>
            <p:cNvPr id="140" name="TextBox 139">
              <a:extLst>
                <a:ext uri="{FF2B5EF4-FFF2-40B4-BE49-F238E27FC236}">
                  <a16:creationId xmlns:a16="http://schemas.microsoft.com/office/drawing/2014/main" id="{5C0F854C-6B9D-45EB-94D2-D3BE0D1CA627}"/>
                </a:ext>
              </a:extLst>
            </p:cNvPr>
            <p:cNvSpPr txBox="1"/>
            <p:nvPr/>
          </p:nvSpPr>
          <p:spPr>
            <a:xfrm>
              <a:off x="1773219" y="5824490"/>
              <a:ext cx="843180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spc="-4" dirty="0">
                  <a:solidFill>
                    <a:schemeClr val="accent5"/>
                  </a:solidFill>
                  <a:latin typeface="Calibri" panose="020F0502020204030204" pitchFamily="34" charset="0"/>
                </a:rPr>
                <a:t>Completion</a:t>
              </a:r>
            </a:p>
          </p:txBody>
        </p:sp>
      </p:grpSp>
      <p:pic>
        <p:nvPicPr>
          <p:cNvPr id="6" name="Elemento grafico 5" descr="Emisfero sinistro del cervello con riempimento a tinta unita">
            <a:extLst>
              <a:ext uri="{FF2B5EF4-FFF2-40B4-BE49-F238E27FC236}">
                <a16:creationId xmlns:a16="http://schemas.microsoft.com/office/drawing/2014/main" id="{B9851D02-B832-34EB-A5AF-2944D6634D79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8273935" y="291238"/>
            <a:ext cx="760615" cy="760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43022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a di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Personalizza struttur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Tema di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61</Words>
  <Application>Microsoft Office PowerPoint</Application>
  <PresentationFormat>Widescreen</PresentationFormat>
  <Paragraphs>99</Paragraphs>
  <Slides>8</Slides>
  <Notes>1</Notes>
  <HiddenSlides>0</HiddenSlides>
  <MMClips>0</MMClips>
  <ScaleCrop>false</ScaleCrop>
  <HeadingPairs>
    <vt:vector size="6" baseType="variant">
      <vt:variant>
        <vt:lpstr>Caratteri utilizzati</vt:lpstr>
      </vt:variant>
      <vt:variant>
        <vt:i4>4</vt:i4>
      </vt:variant>
      <vt:variant>
        <vt:lpstr>Tema</vt:lpstr>
      </vt:variant>
      <vt:variant>
        <vt:i4>2</vt:i4>
      </vt:variant>
      <vt:variant>
        <vt:lpstr>Titoli diapositive</vt:lpstr>
      </vt:variant>
      <vt:variant>
        <vt:i4>8</vt:i4>
      </vt:variant>
    </vt:vector>
  </HeadingPairs>
  <TitlesOfParts>
    <vt:vector size="14" baseType="lpstr">
      <vt:lpstr>Arial</vt:lpstr>
      <vt:lpstr>Arial Rounded MT Bold</vt:lpstr>
      <vt:lpstr>Calibri</vt:lpstr>
      <vt:lpstr>Times New Roman</vt:lpstr>
      <vt:lpstr>Tema di Office</vt:lpstr>
      <vt:lpstr>Personalizza struttura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GANTT CHART 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zione standard di PowerPoint</dc:title>
  <dc:creator>Conese  Andrea</dc:creator>
  <cp:lastModifiedBy>Conese  Andrea</cp:lastModifiedBy>
  <cp:revision>1</cp:revision>
  <dcterms:created xsi:type="dcterms:W3CDTF">2023-10-27T11:15:59Z</dcterms:created>
  <dcterms:modified xsi:type="dcterms:W3CDTF">2024-03-19T16:29:44Z</dcterms:modified>
</cp:coreProperties>
</file>